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3CB776B4-5E69-4D73-BDCA-6658A867BA05}"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680" uniqueCount="511">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Murray (RDA)</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Each individual item used to create the 'spending time with friends and family' scale is presented individually. 
The questions were measured on a 7-point scale, from 'never' (1) to 'all the time' (7), and included: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Australian Capital Territory</t>
  </si>
  <si>
    <t>New South Wales</t>
  </si>
  <si>
    <t>Regional New South Wales</t>
  </si>
  <si>
    <t>Balranald, Edward River, Murray River &amp; Wentworth (LGAs)</t>
  </si>
  <si>
    <t>Berrigan, Federation, Greater Hume &amp; Murrumbidgee (LGAs)</t>
  </si>
  <si>
    <t>Bland, Carrathool, Hay, Lockhart &amp; Narrandera (LGAs)</t>
  </si>
  <si>
    <t>Coolamon, Gundagai, Junee &amp; Temora (LGAs)</t>
  </si>
  <si>
    <t>Griffith (LGA)</t>
  </si>
  <si>
    <t>Leeton (LGA)</t>
  </si>
  <si>
    <t>Snowy Monaro Regional &amp; Snowy Valleys (LGAs)</t>
  </si>
  <si>
    <t>Wagga Wagga (LGA)</t>
  </si>
  <si>
    <t>Bega Valley (LGA)</t>
  </si>
  <si>
    <t>Goulburn Mulwaree, Hilltops, Upper Lachlan &amp; Wingecarribee (LGAs)</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Central Coast &amp; Illawarra (RDAs)</t>
  </si>
  <si>
    <t>Riverina (RDA)</t>
  </si>
  <si>
    <t>Southern Inland (RDA)</t>
  </si>
  <si>
    <t>Far South Coast (RDA)</t>
  </si>
  <si>
    <t>About the region: ACT and Southern NSW</t>
  </si>
  <si>
    <t>Regional NSW</t>
  </si>
  <si>
    <t>Australian Capital Territory (ACT)</t>
  </si>
  <si>
    <t>New South Wales (NSW)</t>
  </si>
  <si>
    <t xml:space="preserve">Balranald, Edward River, Murray River &amp; Wentworth are LGAs located in the south of New South Wales. In total, 97 people who lived in these LGAs took part in the 2017 Regional Wellbeing Survey. </t>
  </si>
  <si>
    <t xml:space="preserve">Berrigan, Federation, Greater Hume &amp; Murrumbidgee are LGAs located in the south of New South Wales. In total, 116 people who live in these LGAs took part in the 2017 Regional Wellbeing Survey. </t>
  </si>
  <si>
    <t xml:space="preserve">Bland, Carrathool, Hay, Lockhart &amp; Narrandera are LGAs located in the south of New South Wales. In total, 82 people who live in these LGAs took part in the 2017 Regional Wellbeing Survey. </t>
  </si>
  <si>
    <t xml:space="preserve">Coolamon, Gundagai, Junee &amp; Temora are LGAs located in the south of New South Wales. In total, 80 people who live in these LGAs took part in the 2017 Regional Wellbeing Survey. </t>
  </si>
  <si>
    <t>Griffith is an LGA located in the south of New South Wales. In total, 79 people who live in this LGA took part in the 2017 Regional Wellbeing Survey.</t>
  </si>
  <si>
    <t xml:space="preserve">Leeton is an LGA located in the south of New South Wales. In total, 75 people who live in this LGA took part in the 2017 Regional Wellbeing Survey. </t>
  </si>
  <si>
    <t>Wagga Wagga is an LGA located in the south of New South Wales. In total, 171 people who live in this LGA took part in the 2017 Regional Wellbeing Survey.</t>
  </si>
  <si>
    <t xml:space="preserve">The Murray region is a Regional Development Australia region located in the south of New South Wales. The region includes the local government areas (LGAs) of Albury, Balranald, Berrigan, Edward River, Federation, Greater Hume, Murray River, Murrumbidgee and Wentworth. In total, 246 people who live in this region took part in the 2017 Regional Wellbeing Survey. </t>
  </si>
  <si>
    <t xml:space="preserve">The Far South Coast region is a Regional Development Australia region located in the south east of New South Wales. The region includes the local government areas (LGAs) of Bega Valley, Eurobodalla and Shoalhaven, and the Territory of Jervis Bay. In total, 150 people who live in this region took part in the 2017 Regional Wellbeing Survey. </t>
  </si>
  <si>
    <t xml:space="preserve">Bega Valley is an LGA located in the south east of New South Wales. In total, 89 people who live in this LGA took part in the 2017 Regional Wellbeing Survey. </t>
  </si>
  <si>
    <t xml:space="preserve">The Riverina region is a Regional Development Australia region located in the south of New South Wales. The region includes the local government areas (LGAs) of Bland, Carrathool, Coolamon, Griffith, Gundagai, Hay, Junee, Leeton, Lockhart, Narrandera, Snowy Valleys, Temora and Wagga Wagga. In total, 545 people who live in this region took part in the 2017 Regional Wellbeing Survey. </t>
  </si>
  <si>
    <t>Queanbeyan-Palerang &amp; Yass Valley (LGAs)</t>
  </si>
  <si>
    <t xml:space="preserve">Goulburn Mulwaree, Hilltops, Upper Lachlan &amp; Wingecarribee are LGAs located in the south east of New South Wales. In total, 112 people who live in these LGAs took part in the 2017 Regional Wellbeing Survey. </t>
  </si>
  <si>
    <t xml:space="preserve">Queanbeyan-Palerang &amp; Yass Valley are LGAs located in the south east of New South Wales. In total, 91 people who live in these LGAs took part in the 2017 Regional Wellbeing Survey. </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 xml:space="preserve">Australian Capital Territory (ACT) includes all of ACT, including the city of Canberra.  In total, 133 people from the ACT took part in the 2017 Regional Wellbeing Survey, although not all these people answered every question on the survey. </t>
  </si>
  <si>
    <t xml:space="preserve">The Southern Inland region is a Regional Development Australia region located in the south east of New South Wales. The region includes the local government areas (LGAs) of Goulburn Mulwaree, Hilltops, Queanbeyan-Palerang, Snowy Monaro Regional, Upper lachlan, Wingecarribee and Yass Valley. In total, 259 people who live in this region took part in the 2017 Regional Wellbeing Survey. </t>
  </si>
  <si>
    <t xml:space="preserve">Snowy Monaro Regional &amp; Snowy Valleys are LGAs located in the south east of New South Wales. In total, 114 people who live in these LGAs took part in the 2017 Regional Wellbeing Survey. </t>
  </si>
  <si>
    <t>This file provides data from the 2017 Regional Wellbeing Survey for the Australian Capital Territory (ACT) and southern New South Wales (NSW).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ACT; (v) NSW; (vi) regional NSW; and (vii) the Regional Development Australia (RDA) regions of Central Coast &amp; Illawarra, Murray, Riverina, Far South Coast and Southern Inland.</t>
  </si>
  <si>
    <t xml:space="preserve">The Central Coast &amp; Illawarra regions are Regional Development Australia regions located in the east of New South Wales. The regions include the local government areas (LGAs) of Central Coast, Kiama, Shellharbour and Wollongong. In total, 93 people who live in this region took part in the 2017 Regional Wellbeing Survey. </t>
  </si>
  <si>
    <t xml:space="preserve">New South Wales (NSW) includes all of NSW, including the large metropolitan areas of Sydney and surrounding suburban areas. In total, 3090 people from NSW took part in the 2017 Regional Wellbeing Survey, although not all these people answered every question on the survey.  </t>
  </si>
  <si>
    <t xml:space="preserve">Regional New South Wales (NSW) includes all of NSW except the large metropolitan areas of Sydney and surrounding suburban areas. In total, 2497 people who live in regional NSW took part in the 2017 Regional Wellbeing Survey, although not all these people answered every question on the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You may reproduce the data in this spreadsheet for any purpose, providing you acknowledge the data source. Data should be cited as being sourced from the 2017 Regional Wellbeing Survey, ACT &amp; Southern NSW data tables, Version 1.01 August 2018.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Explanatory notes</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and included: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ii)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33">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27" fillId="2" borderId="0" xfId="0" applyFont="1" applyFill="1" applyAlignment="1">
      <alignment wrapText="1"/>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9" applyFont="1" applyFill="1" applyBorder="1" applyAlignment="1">
      <alignment vertical="top" wrapText="1"/>
    </xf>
    <xf numFmtId="167" fontId="15" fillId="0" borderId="0" xfId="29"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7" fillId="3" borderId="0" xfId="0" applyFont="1" applyFill="1" applyBorder="1" applyAlignment="1">
      <alignment wrapText="1"/>
    </xf>
    <xf numFmtId="0" fontId="26" fillId="3" borderId="0" xfId="0" applyFont="1" applyFill="1" applyAlignment="1">
      <alignment vertical="center" wrapText="1"/>
    </xf>
    <xf numFmtId="0" fontId="14" fillId="4" borderId="0" xfId="0" applyFont="1" applyFill="1" applyBorder="1" applyAlignment="1">
      <alignment vertical="top"/>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5" fillId="0" borderId="0" xfId="2" applyFont="1" applyFill="1" applyBorder="1" applyAlignment="1">
      <alignment vertical="top" wrapText="1"/>
    </xf>
    <xf numFmtId="167" fontId="14" fillId="4" borderId="0" xfId="0" applyNumberFormat="1" applyFont="1" applyFill="1" applyBorder="1" applyAlignment="1">
      <alignment vertical="top"/>
    </xf>
    <xf numFmtId="0" fontId="15" fillId="0" borderId="0" xfId="5" quotePrefix="1" applyFont="1" applyFill="1" applyBorder="1" applyAlignment="1">
      <alignment vertical="top" wrapText="1"/>
    </xf>
    <xf numFmtId="0" fontId="16" fillId="5" borderId="1" xfId="0" applyFont="1" applyFill="1" applyBorder="1" applyAlignment="1">
      <alignment horizontal="left" vertical="top"/>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5" fillId="0" borderId="0" xfId="4" quotePrefix="1" applyFont="1" applyFill="1" applyBorder="1" applyAlignment="1">
      <alignment vertical="top" wrapText="1"/>
    </xf>
    <xf numFmtId="0" fontId="15" fillId="0" borderId="0" xfId="7"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0" fillId="0" borderId="0" xfId="0" applyFill="1" applyBorder="1" applyAlignment="1"/>
    <xf numFmtId="0" fontId="16" fillId="5" borderId="3" xfId="26" applyFont="1" applyFill="1" applyBorder="1" applyAlignment="1">
      <alignment vertical="top"/>
    </xf>
    <xf numFmtId="0" fontId="16" fillId="5" borderId="4" xfId="26" applyFont="1" applyFill="1" applyBorder="1" applyAlignment="1">
      <alignment vertical="top"/>
    </xf>
    <xf numFmtId="0" fontId="16" fillId="5" borderId="5" xfId="26" applyFont="1" applyFill="1" applyBorder="1" applyAlignment="1">
      <alignment vertical="top"/>
    </xf>
    <xf numFmtId="0" fontId="16" fillId="5" borderId="1" xfId="23" applyFont="1" applyFill="1" applyBorder="1" applyAlignment="1">
      <alignment horizontal="left" vertical="top"/>
    </xf>
    <xf numFmtId="0" fontId="16" fillId="5" borderId="3" xfId="23" applyFont="1" applyFill="1" applyBorder="1" applyAlignment="1">
      <alignment vertical="top"/>
    </xf>
    <xf numFmtId="0" fontId="16" fillId="5" borderId="4" xfId="23" applyFont="1" applyFill="1" applyBorder="1" applyAlignment="1">
      <alignment vertical="top"/>
    </xf>
    <xf numFmtId="0" fontId="16" fillId="5" borderId="5" xfId="23" applyFont="1" applyFill="1" applyBorder="1" applyAlignment="1">
      <alignment vertical="top"/>
    </xf>
    <xf numFmtId="0" fontId="16" fillId="5" borderId="6" xfId="23" applyFont="1" applyFill="1" applyBorder="1" applyAlignment="1">
      <alignment vertical="top"/>
    </xf>
    <xf numFmtId="0" fontId="16" fillId="5" borderId="2" xfId="23" applyFont="1" applyFill="1" applyBorder="1" applyAlignment="1">
      <alignment vertical="top"/>
    </xf>
    <xf numFmtId="0" fontId="16" fillId="5" borderId="1" xfId="26" applyFont="1" applyFill="1" applyBorder="1" applyAlignment="1">
      <alignment horizontal="left" vertical="top"/>
    </xf>
    <xf numFmtId="0" fontId="16" fillId="5" borderId="7" xfId="23" applyFont="1" applyFill="1" applyBorder="1" applyAlignment="1">
      <alignment vertical="top"/>
    </xf>
    <xf numFmtId="0" fontId="16" fillId="5" borderId="6" xfId="6" applyFont="1" applyFill="1" applyBorder="1" applyAlignment="1">
      <alignment vertical="top"/>
    </xf>
    <xf numFmtId="0" fontId="16" fillId="5" borderId="2" xfId="6" applyFont="1" applyFill="1" applyBorder="1" applyAlignment="1">
      <alignment vertical="top"/>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center" vertical="top" wrapText="1"/>
    </xf>
    <xf numFmtId="0" fontId="16" fillId="5" borderId="4" xfId="29" quotePrefix="1" applyFont="1" applyFill="1" applyBorder="1" applyAlignment="1">
      <alignment horizontal="center" vertical="top" wrapText="1"/>
    </xf>
    <xf numFmtId="0" fontId="16" fillId="5" borderId="5" xfId="29" quotePrefix="1" applyFont="1" applyFill="1" applyBorder="1" applyAlignment="1">
      <alignment horizontal="center" vertical="top" wrapText="1"/>
    </xf>
    <xf numFmtId="0" fontId="15" fillId="0" borderId="2" xfId="29"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26"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5" fillId="0" borderId="0" xfId="29" quotePrefix="1" applyFont="1" applyFill="1" applyBorder="1" applyAlignment="1">
      <alignmen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6" applyFont="1" applyFill="1" applyBorder="1" applyAlignment="1">
      <alignment horizontal="left" vertical="top"/>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30" fillId="0" borderId="2" xfId="2" quotePrefix="1" applyFont="1" applyFill="1" applyBorder="1" applyAlignment="1">
      <alignment horizontal="left" vertical="top" wrapText="1"/>
    </xf>
    <xf numFmtId="0" fontId="15" fillId="0" borderId="0" xfId="5" quotePrefix="1"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1" xfId="23"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5" fillId="0" borderId="0" xfId="4"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1" xfId="0" applyFont="1" applyFill="1" applyBorder="1" applyAlignment="1">
      <alignment horizontal="left" vertical="top"/>
    </xf>
    <xf numFmtId="0" fontId="15" fillId="0" borderId="0" xfId="5"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5" fillId="0" borderId="0" xfId="7"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2" xfId="4" quotePrefix="1"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6" fillId="5" borderId="6" xfId="23" applyFont="1" applyFill="1" applyBorder="1" applyAlignment="1">
      <alignment vertical="top"/>
    </xf>
    <xf numFmtId="0" fontId="16" fillId="5" borderId="2" xfId="23" applyFont="1" applyFill="1" applyBorder="1" applyAlignment="1">
      <alignment vertical="top"/>
    </xf>
    <xf numFmtId="0" fontId="15" fillId="0" borderId="0" xfId="3" quotePrefix="1" applyFont="1" applyFill="1" applyBorder="1" applyAlignment="1">
      <alignment horizontal="lef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xf numFmtId="0" fontId="16" fillId="5" borderId="3" xfId="23" applyFont="1" applyFill="1" applyBorder="1" applyAlignment="1">
      <alignment vertical="top"/>
    </xf>
    <xf numFmtId="0" fontId="16" fillId="5" borderId="4" xfId="23" applyFont="1" applyFill="1" applyBorder="1" applyAlignment="1">
      <alignment vertical="top"/>
    </xf>
    <xf numFmtId="0" fontId="16" fillId="5" borderId="5" xfId="23" applyFont="1" applyFill="1" applyBorder="1" applyAlignment="1">
      <alignment vertical="top"/>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2" xfId="27" xr:uid="{00000000-0005-0000-0000-000021000000}"/>
    <cellStyle name="Normal_Sheet13" xfId="28" xr:uid="{00000000-0005-0000-0000-000022000000}"/>
    <cellStyle name="Normal_Sheet2_1" xfId="29" xr:uid="{00000000-0005-0000-0000-000023000000}"/>
    <cellStyle name="Normal_Sheet4" xfId="30" xr:uid="{00000000-0005-0000-0000-000025000000}"/>
    <cellStyle name="Normal_Sheet5" xfId="31" xr:uid="{00000000-0005-0000-0000-000026000000}"/>
    <cellStyle name="Normal_Sheet5_1" xfId="32" xr:uid="{00000000-0005-0000-0000-000027000000}"/>
    <cellStyle name="Normal_Sheet6" xfId="33" xr:uid="{00000000-0005-0000-0000-000028000000}"/>
    <cellStyle name="Normal_Sheet7" xfId="34" xr:uid="{00000000-0005-0000-0000-000029000000}"/>
    <cellStyle name="Normal_Sheet7_1" xfId="35" xr:uid="{00000000-0005-0000-0000-00002A000000}"/>
    <cellStyle name="Normal_Sheet8" xfId="36" xr:uid="{00000000-0005-0000-0000-00002B000000}"/>
    <cellStyle name="Normal_Volunteering" xfId="37"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8</xdr:col>
      <xdr:colOff>266700</xdr:colOff>
      <xdr:row>30</xdr:row>
      <xdr:rowOff>185738</xdr:rowOff>
    </xdr:to>
    <xdr:pic>
      <xdr:nvPicPr>
        <xdr:cNvPr id="4" name="Picture 3">
          <a:extLst>
            <a:ext uri="{FF2B5EF4-FFF2-40B4-BE49-F238E27FC236}">
              <a16:creationId xmlns:a16="http://schemas.microsoft.com/office/drawing/2014/main" id="{232CCC5F-6654-4D15-B33A-7EBA95C57C20}"/>
            </a:ext>
          </a:extLst>
        </xdr:cNvPr>
        <xdr:cNvPicPr>
          <a:picLocks noChangeAspect="1"/>
        </xdr:cNvPicPr>
      </xdr:nvPicPr>
      <xdr:blipFill>
        <a:blip xmlns:r="http://schemas.openxmlformats.org/officeDocument/2006/relationships" r:embed="rId1"/>
        <a:stretch>
          <a:fillRect/>
        </a:stretch>
      </xdr:blipFill>
      <xdr:spPr>
        <a:xfrm>
          <a:off x="0" y="0"/>
          <a:ext cx="10896600" cy="6129338"/>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U1" sqref="U1"/>
    </sheetView>
  </sheetViews>
  <sheetFormatPr defaultColWidth="8.85546875" defaultRowHeight="15"/>
  <cols>
    <col min="1" max="16384" width="8.85546875" style="2"/>
  </cols>
  <sheetData>
    <row r="1" spans="11:19" ht="23.25">
      <c r="Q1" s="235"/>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04"/>
  <sheetViews>
    <sheetView topLeftCell="A175" zoomScaleNormal="100" workbookViewId="0">
      <selection activeCell="A149" sqref="A149:XFD149"/>
    </sheetView>
  </sheetViews>
  <sheetFormatPr defaultColWidth="18.5703125" defaultRowHeight="15"/>
  <cols>
    <col min="1" max="1" width="49.5703125" customWidth="1"/>
  </cols>
  <sheetData>
    <row r="1" spans="1:4" ht="31.5">
      <c r="A1" s="33" t="s">
        <v>45</v>
      </c>
    </row>
    <row r="3" spans="1:4" ht="18.75">
      <c r="A3" s="367" t="s">
        <v>12</v>
      </c>
      <c r="B3" s="367"/>
      <c r="C3" s="367"/>
      <c r="D3" s="367"/>
    </row>
    <row r="4" spans="1:4" ht="105" customHeight="1">
      <c r="A4" s="418" t="s">
        <v>496</v>
      </c>
      <c r="B4" s="418"/>
      <c r="C4" s="418"/>
      <c r="D4" s="418"/>
    </row>
    <row r="5" spans="1:4" ht="42" customHeight="1">
      <c r="A5" s="409" t="s">
        <v>148</v>
      </c>
      <c r="B5" s="409"/>
      <c r="C5" s="409"/>
      <c r="D5" s="409"/>
    </row>
    <row r="6" spans="1:4" ht="36.75" customHeight="1">
      <c r="A6" s="37" t="s">
        <v>85</v>
      </c>
      <c r="B6" s="38" t="s">
        <v>86</v>
      </c>
      <c r="C6" s="39" t="s">
        <v>87</v>
      </c>
      <c r="D6" s="40" t="s">
        <v>88</v>
      </c>
    </row>
    <row r="7" spans="1:4" ht="75.75" customHeight="1">
      <c r="A7" s="41"/>
      <c r="B7" s="42" t="s">
        <v>89</v>
      </c>
      <c r="C7" s="128" t="s">
        <v>149</v>
      </c>
      <c r="D7" s="44" t="s">
        <v>91</v>
      </c>
    </row>
    <row r="8" spans="1:4">
      <c r="A8" s="45" t="s">
        <v>430</v>
      </c>
      <c r="B8" s="178">
        <v>8622</v>
      </c>
      <c r="C8" s="84">
        <v>4.4000000000000004</v>
      </c>
      <c r="D8" s="85">
        <v>1.9599999999999999E-2</v>
      </c>
    </row>
    <row r="9" spans="1:4">
      <c r="A9" s="49" t="s">
        <v>431</v>
      </c>
      <c r="B9" s="49">
        <v>7978</v>
      </c>
      <c r="C9" s="180">
        <v>4.3280430000000001</v>
      </c>
      <c r="D9" s="132">
        <v>5.7529919999999998E-2</v>
      </c>
    </row>
    <row r="10" spans="1:4">
      <c r="A10" s="45" t="s">
        <v>432</v>
      </c>
      <c r="B10" s="53">
        <v>777</v>
      </c>
      <c r="C10" s="84">
        <v>4.37</v>
      </c>
      <c r="D10" s="85">
        <v>9.8000000000000004E-2</v>
      </c>
    </row>
    <row r="11" spans="1:4">
      <c r="A11" s="49" t="s">
        <v>433</v>
      </c>
      <c r="B11" s="49">
        <v>104</v>
      </c>
      <c r="C11" s="180">
        <v>4.42</v>
      </c>
      <c r="D11" s="132">
        <v>0.23519999999999999</v>
      </c>
    </row>
    <row r="12" spans="1:4">
      <c r="A12" s="45" t="s">
        <v>434</v>
      </c>
      <c r="B12" s="53">
        <v>2293</v>
      </c>
      <c r="C12" s="84">
        <v>4.45</v>
      </c>
      <c r="D12" s="85">
        <v>5.8799999999999998E-2</v>
      </c>
    </row>
    <row r="13" spans="1:4">
      <c r="A13" s="49" t="s">
        <v>435</v>
      </c>
      <c r="B13" s="49">
        <v>2234</v>
      </c>
      <c r="C13" s="180">
        <v>4.42</v>
      </c>
      <c r="D13" s="132">
        <v>5.8799999999999998E-2</v>
      </c>
    </row>
    <row r="14" spans="1:4">
      <c r="A14" s="45" t="s">
        <v>452</v>
      </c>
      <c r="B14" s="53">
        <v>46</v>
      </c>
      <c r="C14" s="84">
        <v>4.62</v>
      </c>
      <c r="D14" s="85">
        <v>0.37240000000000001</v>
      </c>
    </row>
    <row r="15" spans="1:4">
      <c r="A15" s="49" t="s">
        <v>172</v>
      </c>
      <c r="B15" s="49">
        <v>211</v>
      </c>
      <c r="C15" s="180">
        <v>4.46</v>
      </c>
      <c r="D15" s="132">
        <v>0.1764</v>
      </c>
    </row>
    <row r="16" spans="1:4">
      <c r="A16" s="45" t="s">
        <v>436</v>
      </c>
      <c r="B16" s="53">
        <v>84</v>
      </c>
      <c r="C16" s="84">
        <v>4.4000000000000004</v>
      </c>
      <c r="D16" s="85">
        <v>0.29399999999999998</v>
      </c>
    </row>
    <row r="17" spans="1:25">
      <c r="A17" s="49" t="s">
        <v>437</v>
      </c>
      <c r="B17" s="49">
        <v>103</v>
      </c>
      <c r="C17" s="180">
        <v>4.53</v>
      </c>
      <c r="D17" s="132">
        <v>0.25480000000000003</v>
      </c>
    </row>
    <row r="18" spans="1:25">
      <c r="A18" s="45" t="s">
        <v>453</v>
      </c>
      <c r="B18" s="178">
        <v>476</v>
      </c>
      <c r="C18" s="84">
        <v>4.57</v>
      </c>
      <c r="D18" s="85">
        <v>0.1176</v>
      </c>
    </row>
    <row r="19" spans="1:25">
      <c r="A19" s="49" t="s">
        <v>438</v>
      </c>
      <c r="B19" s="179">
        <v>67</v>
      </c>
      <c r="C19" s="180">
        <v>4.29</v>
      </c>
      <c r="D19" s="132">
        <v>0.27440000000000003</v>
      </c>
    </row>
    <row r="20" spans="1:25">
      <c r="A20" s="45" t="s">
        <v>439</v>
      </c>
      <c r="B20" s="83">
        <v>72</v>
      </c>
      <c r="C20" s="84">
        <v>4.5999999999999996</v>
      </c>
      <c r="D20" s="85">
        <v>0.31359999999999999</v>
      </c>
      <c r="P20" s="258"/>
      <c r="Q20" s="258"/>
      <c r="R20" s="258"/>
      <c r="S20" s="258"/>
      <c r="T20" s="258"/>
      <c r="U20" s="258"/>
      <c r="V20" s="258"/>
      <c r="W20" s="258"/>
      <c r="X20" s="258"/>
      <c r="Y20" s="258"/>
    </row>
    <row r="21" spans="1:25">
      <c r="A21" s="49" t="s">
        <v>440</v>
      </c>
      <c r="B21" s="179">
        <v>76</v>
      </c>
      <c r="C21" s="180">
        <v>4.6500000000000004</v>
      </c>
      <c r="D21" s="132">
        <v>0.27440000000000003</v>
      </c>
      <c r="P21" s="258"/>
      <c r="Q21" s="258"/>
      <c r="R21" s="258"/>
      <c r="S21" s="258"/>
      <c r="T21" s="258"/>
      <c r="U21" s="258"/>
      <c r="V21" s="258"/>
      <c r="W21" s="258"/>
      <c r="X21" s="258"/>
      <c r="Y21" s="258"/>
    </row>
    <row r="22" spans="1:25">
      <c r="A22" s="57" t="s">
        <v>441</v>
      </c>
      <c r="B22" s="178">
        <v>58</v>
      </c>
      <c r="C22" s="84">
        <v>4.97</v>
      </c>
      <c r="D22" s="85">
        <v>0.41159999999999997</v>
      </c>
      <c r="P22" s="258"/>
      <c r="Q22" s="258"/>
      <c r="R22" s="258"/>
      <c r="S22" s="258"/>
      <c r="T22" s="258"/>
      <c r="U22" s="258"/>
      <c r="V22" s="258"/>
      <c r="W22" s="258"/>
      <c r="X22" s="258"/>
      <c r="Y22" s="258"/>
    </row>
    <row r="23" spans="1:25">
      <c r="A23" s="49" t="s">
        <v>442</v>
      </c>
      <c r="B23" s="179">
        <v>102</v>
      </c>
      <c r="C23" s="180">
        <v>4.37</v>
      </c>
      <c r="D23" s="132">
        <v>0.25480000000000003</v>
      </c>
      <c r="P23" s="258"/>
      <c r="Q23" s="258"/>
      <c r="R23" s="258"/>
      <c r="S23" s="258"/>
      <c r="T23" s="258"/>
      <c r="U23" s="258"/>
      <c r="V23" s="258"/>
      <c r="W23" s="258"/>
      <c r="X23" s="258"/>
      <c r="Y23" s="258"/>
    </row>
    <row r="24" spans="1:25">
      <c r="A24" s="57" t="s">
        <v>443</v>
      </c>
      <c r="B24" s="178">
        <v>149</v>
      </c>
      <c r="C24" s="84">
        <v>4.46</v>
      </c>
      <c r="D24" s="85">
        <v>0.21559999999999999</v>
      </c>
      <c r="P24" s="258"/>
      <c r="Q24" s="258"/>
      <c r="R24" s="258"/>
      <c r="S24" s="258"/>
      <c r="T24" s="258"/>
      <c r="U24" s="258"/>
      <c r="V24" s="258"/>
      <c r="W24" s="258"/>
      <c r="X24" s="258"/>
      <c r="Y24" s="258"/>
    </row>
    <row r="25" spans="1:25">
      <c r="A25" s="49" t="s">
        <v>455</v>
      </c>
      <c r="B25" s="179">
        <v>126</v>
      </c>
      <c r="C25" s="180">
        <v>4.3600000000000003</v>
      </c>
      <c r="D25" s="132">
        <v>0.23519999999999999</v>
      </c>
      <c r="P25" s="258"/>
      <c r="Q25" s="258"/>
      <c r="R25" s="258"/>
      <c r="S25" s="258"/>
      <c r="T25" s="258"/>
      <c r="U25" s="258"/>
      <c r="V25" s="258"/>
      <c r="W25" s="258"/>
      <c r="X25" s="258"/>
      <c r="Y25" s="258"/>
    </row>
    <row r="26" spans="1:25">
      <c r="A26" s="57" t="s">
        <v>444</v>
      </c>
      <c r="B26" s="178">
        <v>78</v>
      </c>
      <c r="C26" s="84">
        <v>4.3</v>
      </c>
      <c r="D26" s="85">
        <v>0.29399999999999998</v>
      </c>
      <c r="P26" s="258"/>
      <c r="Q26" s="258"/>
      <c r="R26" s="258"/>
      <c r="S26" s="258"/>
      <c r="T26" s="258"/>
      <c r="U26" s="258"/>
      <c r="V26" s="258"/>
      <c r="W26" s="258"/>
      <c r="X26" s="258"/>
      <c r="Y26" s="258"/>
    </row>
    <row r="27" spans="1:25">
      <c r="A27" s="49" t="s">
        <v>454</v>
      </c>
      <c r="B27" s="179">
        <v>227</v>
      </c>
      <c r="C27" s="180">
        <v>4.38</v>
      </c>
      <c r="D27" s="132">
        <v>0.1764</v>
      </c>
      <c r="P27" s="258"/>
      <c r="Q27" s="258"/>
      <c r="R27" s="258"/>
      <c r="S27" s="258"/>
      <c r="T27" s="258"/>
      <c r="U27" s="258"/>
      <c r="V27" s="258"/>
      <c r="W27" s="258"/>
      <c r="X27" s="258"/>
      <c r="Y27" s="258"/>
    </row>
    <row r="28" spans="1:25" ht="25.5">
      <c r="A28" s="57" t="s">
        <v>445</v>
      </c>
      <c r="B28" s="178">
        <v>99</v>
      </c>
      <c r="C28" s="84">
        <v>4.6399999999999997</v>
      </c>
      <c r="D28" s="85">
        <v>0.27440000000000003</v>
      </c>
      <c r="P28" s="258"/>
      <c r="Q28" s="258"/>
      <c r="R28" s="258"/>
      <c r="S28" s="258"/>
      <c r="T28" s="258"/>
      <c r="U28" s="258"/>
      <c r="V28" s="258"/>
      <c r="W28" s="258"/>
      <c r="X28" s="258"/>
      <c r="Y28" s="258"/>
    </row>
    <row r="29" spans="1:25">
      <c r="A29" s="49" t="s">
        <v>471</v>
      </c>
      <c r="B29" s="179">
        <v>80</v>
      </c>
      <c r="C29" s="180">
        <v>4.26</v>
      </c>
      <c r="D29" s="132">
        <v>0.29399999999999998</v>
      </c>
      <c r="P29" s="258"/>
      <c r="Q29" s="258"/>
      <c r="R29" s="258"/>
      <c r="S29" s="258"/>
      <c r="T29" s="258"/>
      <c r="U29" s="258"/>
      <c r="V29" s="258"/>
      <c r="W29" s="258"/>
      <c r="X29" s="258"/>
      <c r="Y29" s="258"/>
    </row>
    <row r="30" spans="1:25">
      <c r="A30" s="57" t="s">
        <v>442</v>
      </c>
      <c r="B30" s="178">
        <v>102</v>
      </c>
      <c r="C30" s="84">
        <v>4.37</v>
      </c>
      <c r="D30" s="85">
        <v>0.25480000000000003</v>
      </c>
      <c r="P30" s="258"/>
      <c r="Q30" s="258"/>
      <c r="R30" s="258"/>
      <c r="S30" s="258"/>
      <c r="T30" s="258"/>
      <c r="U30" s="258"/>
      <c r="V30" s="258"/>
      <c r="W30" s="258"/>
      <c r="X30" s="258"/>
      <c r="Y30" s="258"/>
    </row>
    <row r="31" spans="1:25">
      <c r="P31" s="258"/>
      <c r="Q31" s="258"/>
      <c r="R31" s="258"/>
      <c r="S31" s="258"/>
      <c r="T31" s="258"/>
      <c r="U31" s="258"/>
      <c r="V31" s="258"/>
      <c r="W31" s="258"/>
      <c r="X31" s="258"/>
      <c r="Y31" s="258"/>
    </row>
    <row r="32" spans="1:25" ht="18.75">
      <c r="A32" s="368" t="s">
        <v>46</v>
      </c>
      <c r="B32" s="368"/>
      <c r="C32" s="368"/>
      <c r="D32" s="368"/>
      <c r="E32" s="368"/>
      <c r="F32" s="368"/>
      <c r="G32" s="368"/>
      <c r="H32" s="368"/>
      <c r="I32" s="368"/>
      <c r="J32" s="368"/>
      <c r="K32" s="368"/>
      <c r="L32" s="368"/>
      <c r="M32" s="368"/>
      <c r="N32" s="368"/>
      <c r="O32" s="368"/>
      <c r="P32" s="236"/>
      <c r="Q32" s="236"/>
      <c r="R32" s="236"/>
      <c r="S32" s="236"/>
      <c r="T32" s="236"/>
      <c r="U32" s="236"/>
      <c r="V32" s="236"/>
      <c r="W32" s="258"/>
      <c r="X32" s="258"/>
      <c r="Y32" s="258"/>
    </row>
    <row r="33" spans="1:45" ht="66" customHeight="1">
      <c r="A33" s="421" t="s">
        <v>315</v>
      </c>
      <c r="B33" s="421"/>
      <c r="C33" s="421"/>
      <c r="D33" s="421"/>
      <c r="E33" s="421"/>
      <c r="F33" s="421"/>
      <c r="G33" s="421"/>
      <c r="H33" s="421"/>
      <c r="I33" s="421"/>
      <c r="J33" s="421"/>
      <c r="K33" s="421"/>
      <c r="L33" s="421"/>
      <c r="M33" s="421"/>
      <c r="N33" s="421"/>
      <c r="O33" s="421"/>
      <c r="P33" s="262"/>
      <c r="Q33" s="262"/>
      <c r="R33" s="262"/>
      <c r="S33" s="262"/>
      <c r="T33" s="262"/>
      <c r="U33" s="262"/>
      <c r="V33" s="262"/>
      <c r="W33" s="258"/>
      <c r="X33" s="258"/>
      <c r="Y33" s="258"/>
    </row>
    <row r="34" spans="1:45" ht="37.5" customHeight="1">
      <c r="A34" s="64"/>
      <c r="B34" s="422" t="s">
        <v>326</v>
      </c>
      <c r="C34" s="422"/>
      <c r="D34" s="422"/>
      <c r="E34" s="422"/>
      <c r="F34" s="422"/>
      <c r="G34" s="422"/>
      <c r="H34" s="422"/>
      <c r="I34" s="342" t="s">
        <v>327</v>
      </c>
      <c r="J34" s="342"/>
      <c r="K34" s="342"/>
      <c r="L34" s="342"/>
      <c r="M34" s="342"/>
      <c r="N34" s="342"/>
      <c r="O34" s="342"/>
      <c r="P34" s="337"/>
      <c r="Q34" s="337"/>
      <c r="R34" s="337"/>
      <c r="S34" s="337"/>
      <c r="T34" s="337"/>
      <c r="U34" s="337"/>
      <c r="V34" s="337"/>
      <c r="W34" s="337"/>
      <c r="X34" s="337"/>
      <c r="Y34" s="336"/>
      <c r="Z34" s="336"/>
      <c r="AA34" s="336"/>
      <c r="AB34" s="336"/>
      <c r="AC34" s="336"/>
      <c r="AD34" s="336"/>
      <c r="AE34" s="336"/>
      <c r="AF34" s="336"/>
      <c r="AG34" s="336"/>
      <c r="AH34" s="336"/>
      <c r="AI34" s="336"/>
      <c r="AJ34" s="336"/>
      <c r="AK34" s="336"/>
      <c r="AL34" s="336"/>
      <c r="AM34" s="336"/>
      <c r="AN34" s="336"/>
      <c r="AO34" s="336"/>
      <c r="AP34" s="336"/>
      <c r="AQ34" s="336"/>
      <c r="AR34" s="336"/>
      <c r="AS34" s="336"/>
    </row>
    <row r="35" spans="1:45" ht="37.5" customHeight="1">
      <c r="A35" s="37" t="s">
        <v>85</v>
      </c>
      <c r="B35" s="38" t="s">
        <v>86</v>
      </c>
      <c r="C35" s="38" t="s">
        <v>150</v>
      </c>
      <c r="D35" s="89" t="s">
        <v>393</v>
      </c>
      <c r="E35" s="38" t="s">
        <v>151</v>
      </c>
      <c r="F35" s="89" t="s">
        <v>394</v>
      </c>
      <c r="G35" s="38" t="s">
        <v>152</v>
      </c>
      <c r="H35" s="89" t="s">
        <v>395</v>
      </c>
      <c r="I35" s="38" t="s">
        <v>86</v>
      </c>
      <c r="J35" s="38" t="s">
        <v>150</v>
      </c>
      <c r="K35" s="89" t="s">
        <v>393</v>
      </c>
      <c r="L35" s="38" t="s">
        <v>151</v>
      </c>
      <c r="M35" s="89" t="s">
        <v>394</v>
      </c>
      <c r="N35" s="38" t="s">
        <v>152</v>
      </c>
      <c r="O35" s="89" t="s">
        <v>395</v>
      </c>
    </row>
    <row r="36" spans="1:45" ht="71.25" customHeight="1">
      <c r="A36" s="41"/>
      <c r="B36" s="42" t="s">
        <v>89</v>
      </c>
      <c r="C36" s="42" t="s">
        <v>182</v>
      </c>
      <c r="D36" s="91" t="s">
        <v>104</v>
      </c>
      <c r="E36" s="42" t="s">
        <v>183</v>
      </c>
      <c r="F36" s="91" t="s">
        <v>104</v>
      </c>
      <c r="G36" s="42" t="s">
        <v>184</v>
      </c>
      <c r="H36" s="91" t="s">
        <v>104</v>
      </c>
      <c r="I36" s="42" t="s">
        <v>89</v>
      </c>
      <c r="J36" s="42" t="s">
        <v>182</v>
      </c>
      <c r="K36" s="91" t="s">
        <v>104</v>
      </c>
      <c r="L36" s="42" t="s">
        <v>183</v>
      </c>
      <c r="M36" s="91" t="s">
        <v>104</v>
      </c>
      <c r="N36" s="42" t="s">
        <v>184</v>
      </c>
      <c r="O36" s="91" t="s">
        <v>104</v>
      </c>
    </row>
    <row r="37" spans="1:45">
      <c r="A37" s="45" t="s">
        <v>430</v>
      </c>
      <c r="B37" s="178">
        <v>8604</v>
      </c>
      <c r="C37" s="181">
        <v>0.193</v>
      </c>
      <c r="D37" s="94">
        <v>8.509741074131473E-3</v>
      </c>
      <c r="E37" s="181">
        <v>0.17899999999999999</v>
      </c>
      <c r="F37" s="94">
        <v>8.2664374032983337E-3</v>
      </c>
      <c r="G37" s="181">
        <v>0.628</v>
      </c>
      <c r="H37" s="94">
        <v>1.0419438315405576E-2</v>
      </c>
      <c r="I37" s="178">
        <v>8598</v>
      </c>
      <c r="J37" s="181">
        <v>0.39400000000000002</v>
      </c>
      <c r="K37" s="94">
        <v>1.0537175191888152E-2</v>
      </c>
      <c r="L37" s="181">
        <v>0.16600000000000001</v>
      </c>
      <c r="M37" s="94">
        <v>8.026569595508945E-3</v>
      </c>
      <c r="N37" s="181">
        <v>0.44</v>
      </c>
      <c r="O37" s="94">
        <v>1.0704184304635267E-2</v>
      </c>
    </row>
    <row r="38" spans="1:45">
      <c r="A38" s="49" t="s">
        <v>431</v>
      </c>
      <c r="B38" s="179">
        <v>8001</v>
      </c>
      <c r="C38" s="182">
        <v>0.20130000000000001</v>
      </c>
      <c r="D38" s="97">
        <v>8.9656838647354277E-3</v>
      </c>
      <c r="E38" s="182">
        <v>0.1928</v>
      </c>
      <c r="F38" s="97">
        <v>8.8211445853471886E-3</v>
      </c>
      <c r="G38" s="182">
        <v>0.60580000000000001</v>
      </c>
      <c r="H38" s="97">
        <v>1.0924018860253666E-2</v>
      </c>
      <c r="I38" s="179">
        <v>7995</v>
      </c>
      <c r="J38" s="182">
        <v>0.41249999999999998</v>
      </c>
      <c r="K38" s="97">
        <v>1.1008671650237495E-2</v>
      </c>
      <c r="L38" s="182">
        <v>0.16800000000000001</v>
      </c>
      <c r="M38" s="97">
        <v>8.3637222030356964E-3</v>
      </c>
      <c r="N38" s="182">
        <v>0.41949999999999998</v>
      </c>
      <c r="O38" s="97">
        <v>1.1035322243231458E-2</v>
      </c>
    </row>
    <row r="39" spans="1:45">
      <c r="A39" s="45" t="s">
        <v>432</v>
      </c>
      <c r="B39" s="178">
        <v>776</v>
      </c>
      <c r="C39" s="181">
        <v>0.2273</v>
      </c>
      <c r="D39" s="94">
        <v>3.0076438962391702E-2</v>
      </c>
      <c r="E39" s="181">
        <v>0.1668</v>
      </c>
      <c r="F39" s="94">
        <v>2.6805427112567452E-2</v>
      </c>
      <c r="G39" s="181">
        <v>0.60589999999999999</v>
      </c>
      <c r="H39" s="94">
        <v>3.5001825502559245E-2</v>
      </c>
      <c r="I39" s="178">
        <v>777</v>
      </c>
      <c r="J39" s="181">
        <v>0.38059999999999999</v>
      </c>
      <c r="K39" s="94">
        <v>3.4758305625612732E-2</v>
      </c>
      <c r="L39" s="181">
        <v>0.1651</v>
      </c>
      <c r="M39" s="94">
        <v>2.6680440559231369E-2</v>
      </c>
      <c r="N39" s="181">
        <v>0.45440000000000003</v>
      </c>
      <c r="O39" s="94">
        <v>3.5635218657947734E-2</v>
      </c>
    </row>
    <row r="40" spans="1:45">
      <c r="A40" s="49" t="s">
        <v>433</v>
      </c>
      <c r="B40" s="179">
        <v>104</v>
      </c>
      <c r="C40" s="182">
        <v>0.153</v>
      </c>
      <c r="D40" s="97">
        <v>7.1581348462757988E-2</v>
      </c>
      <c r="E40" s="182">
        <v>0.12</v>
      </c>
      <c r="F40" s="97">
        <v>6.5573881638633744E-2</v>
      </c>
      <c r="G40" s="182">
        <v>0.72699999999999998</v>
      </c>
      <c r="H40" s="97">
        <v>8.6542063945730996E-2</v>
      </c>
      <c r="I40" s="179">
        <v>104</v>
      </c>
      <c r="J40" s="182">
        <v>0.48399999999999999</v>
      </c>
      <c r="K40" s="97">
        <v>9.6179348633643455E-2</v>
      </c>
      <c r="L40" s="182">
        <v>0.17299999999999999</v>
      </c>
      <c r="M40" s="97">
        <v>7.4745243290824062E-2</v>
      </c>
      <c r="N40" s="182">
        <v>0.34300000000000003</v>
      </c>
      <c r="O40" s="97">
        <v>9.1720800133101452E-2</v>
      </c>
    </row>
    <row r="41" spans="1:45">
      <c r="A41" s="45" t="s">
        <v>434</v>
      </c>
      <c r="B41" s="178">
        <v>2287</v>
      </c>
      <c r="C41" s="181">
        <v>0.188</v>
      </c>
      <c r="D41" s="94">
        <v>1.6343947241476982E-2</v>
      </c>
      <c r="E41" s="181">
        <v>0.182</v>
      </c>
      <c r="F41" s="94">
        <v>1.6141496182138462E-2</v>
      </c>
      <c r="G41" s="181">
        <v>0.63</v>
      </c>
      <c r="H41" s="94">
        <v>2.0176392029039255E-2</v>
      </c>
      <c r="I41" s="178">
        <v>2291</v>
      </c>
      <c r="J41" s="181">
        <v>0.36599999999999999</v>
      </c>
      <c r="K41" s="94">
        <v>2.0113253943182724E-2</v>
      </c>
      <c r="L41" s="181">
        <v>0.17599999999999999</v>
      </c>
      <c r="M41" s="94">
        <v>1.5918617128224417E-2</v>
      </c>
      <c r="N41" s="181">
        <v>0.45700000000000002</v>
      </c>
      <c r="O41" s="94">
        <v>2.0797077040268432E-2</v>
      </c>
    </row>
    <row r="42" spans="1:45">
      <c r="A42" s="49" t="s">
        <v>435</v>
      </c>
      <c r="B42" s="179">
        <v>2228</v>
      </c>
      <c r="C42" s="182">
        <v>0.19400000000000001</v>
      </c>
      <c r="D42" s="97">
        <v>1.675777849532091E-2</v>
      </c>
      <c r="E42" s="182">
        <v>0.188</v>
      </c>
      <c r="F42" s="97">
        <v>1.6559039079856688E-2</v>
      </c>
      <c r="G42" s="182">
        <v>0.61699999999999999</v>
      </c>
      <c r="H42" s="97">
        <v>2.0581162897692202E-2</v>
      </c>
      <c r="I42" s="179">
        <v>2232</v>
      </c>
      <c r="J42" s="182">
        <v>0.36699999999999999</v>
      </c>
      <c r="K42" s="97">
        <v>2.0388631623387214E-2</v>
      </c>
      <c r="L42" s="182">
        <v>0.17899999999999999</v>
      </c>
      <c r="M42" s="97">
        <v>1.6234381906757165E-2</v>
      </c>
      <c r="N42" s="182">
        <v>0.45400000000000001</v>
      </c>
      <c r="O42" s="97">
        <v>2.105838055441939E-2</v>
      </c>
    </row>
    <row r="43" spans="1:45">
      <c r="A43" s="45" t="s">
        <v>452</v>
      </c>
      <c r="B43" s="178">
        <v>46</v>
      </c>
      <c r="C43" s="181">
        <v>0.13300000000000001</v>
      </c>
      <c r="D43" s="94">
        <v>0.10430694335469715</v>
      </c>
      <c r="E43" s="181">
        <v>0.11799999999999999</v>
      </c>
      <c r="F43" s="94">
        <v>0.10059420516113242</v>
      </c>
      <c r="G43" s="181">
        <v>0.749</v>
      </c>
      <c r="H43" s="94">
        <v>0.12570516412622038</v>
      </c>
      <c r="I43" s="178">
        <v>46</v>
      </c>
      <c r="J43" s="181">
        <v>0.39</v>
      </c>
      <c r="K43" s="94">
        <v>0.13849434934321328</v>
      </c>
      <c r="L43" s="181">
        <v>0.113</v>
      </c>
      <c r="M43" s="94">
        <v>9.9291698907814044E-2</v>
      </c>
      <c r="N43" s="181">
        <v>0.497</v>
      </c>
      <c r="O43" s="94">
        <v>0.14141920163824995</v>
      </c>
    </row>
    <row r="44" spans="1:45">
      <c r="A44" s="49" t="s">
        <v>172</v>
      </c>
      <c r="B44" s="179">
        <v>210</v>
      </c>
      <c r="C44" s="182">
        <v>0.19800000000000001</v>
      </c>
      <c r="D44" s="97">
        <v>5.5057086921453745E-2</v>
      </c>
      <c r="E44" s="182">
        <v>0.17399999999999999</v>
      </c>
      <c r="F44" s="97">
        <v>5.2535667341202692E-2</v>
      </c>
      <c r="G44" s="182">
        <v>0.628</v>
      </c>
      <c r="H44" s="97">
        <v>6.6166423115590733E-2</v>
      </c>
      <c r="I44" s="179">
        <v>211</v>
      </c>
      <c r="J44" s="182">
        <v>0.34899999999999998</v>
      </c>
      <c r="K44" s="97">
        <v>6.5135210657526504E-2</v>
      </c>
      <c r="L44" s="182">
        <v>0.19500000000000001</v>
      </c>
      <c r="M44" s="97">
        <v>5.4628418589822487E-2</v>
      </c>
      <c r="N44" s="182">
        <v>0.45600000000000002</v>
      </c>
      <c r="O44" s="97">
        <v>6.7944624113810664E-2</v>
      </c>
    </row>
    <row r="45" spans="1:45">
      <c r="A45" s="45" t="s">
        <v>436</v>
      </c>
      <c r="B45" s="178">
        <v>84</v>
      </c>
      <c r="C45" s="181">
        <v>0.185</v>
      </c>
      <c r="D45" s="94">
        <v>8.5171069622708054E-2</v>
      </c>
      <c r="E45" s="181">
        <v>0.13800000000000001</v>
      </c>
      <c r="F45" s="94">
        <v>7.7047310979852804E-2</v>
      </c>
      <c r="G45" s="181">
        <v>0.67700000000000005</v>
      </c>
      <c r="H45" s="94">
        <v>0.10032999224609847</v>
      </c>
      <c r="I45" s="178">
        <v>84</v>
      </c>
      <c r="J45" s="181">
        <v>0.38900000000000001</v>
      </c>
      <c r="K45" s="94">
        <v>0.10417939822020314</v>
      </c>
      <c r="L45" s="181">
        <v>0.14799999999999999</v>
      </c>
      <c r="M45" s="94">
        <v>7.8943017423962203E-2</v>
      </c>
      <c r="N45" s="181">
        <v>0.46300000000000002</v>
      </c>
      <c r="O45" s="94">
        <v>0.10633408459641328</v>
      </c>
    </row>
    <row r="46" spans="1:45">
      <c r="A46" s="49" t="s">
        <v>437</v>
      </c>
      <c r="B46" s="179">
        <v>102</v>
      </c>
      <c r="C46" s="182">
        <v>0.16500000000000001</v>
      </c>
      <c r="D46" s="97">
        <v>7.4247165897245185E-2</v>
      </c>
      <c r="E46" s="182">
        <v>0.254</v>
      </c>
      <c r="F46" s="97">
        <v>8.555370614772892E-2</v>
      </c>
      <c r="G46" s="182">
        <v>0.58099999999999996</v>
      </c>
      <c r="H46" s="97">
        <v>9.5941182253777402E-2</v>
      </c>
      <c r="I46" s="179">
        <v>103</v>
      </c>
      <c r="J46" s="182">
        <v>0.36099999999999999</v>
      </c>
      <c r="K46" s="97">
        <v>9.3147769170229724E-2</v>
      </c>
      <c r="L46" s="182">
        <v>0.158</v>
      </c>
      <c r="M46" s="97">
        <v>7.2760653468664616E-2</v>
      </c>
      <c r="N46" s="182">
        <v>0.48099999999999998</v>
      </c>
      <c r="O46" s="97">
        <v>9.660894990679339E-2</v>
      </c>
    </row>
    <row r="47" spans="1:45">
      <c r="A47" s="45" t="s">
        <v>453</v>
      </c>
      <c r="B47" s="178">
        <v>475</v>
      </c>
      <c r="C47" s="181">
        <v>0.16700000000000001</v>
      </c>
      <c r="D47" s="94">
        <v>3.4308592877191936E-2</v>
      </c>
      <c r="E47" s="181">
        <v>0.191</v>
      </c>
      <c r="F47" s="94">
        <v>3.610550694406621E-2</v>
      </c>
      <c r="G47" s="181">
        <v>0.64200000000000002</v>
      </c>
      <c r="H47" s="94">
        <v>4.3841750164754341E-2</v>
      </c>
      <c r="I47" s="178">
        <v>476</v>
      </c>
      <c r="J47" s="181">
        <v>0.32300000000000001</v>
      </c>
      <c r="K47" s="94">
        <v>4.273864121757967E-2</v>
      </c>
      <c r="L47" s="181">
        <v>0.17</v>
      </c>
      <c r="M47" s="94">
        <v>3.4509351087784891E-2</v>
      </c>
      <c r="N47" s="181">
        <v>0.50600000000000001</v>
      </c>
      <c r="O47" s="94">
        <v>4.5640314553035237E-2</v>
      </c>
    </row>
    <row r="48" spans="1:45">
      <c r="A48" s="49" t="s">
        <v>438</v>
      </c>
      <c r="B48" s="179">
        <v>67</v>
      </c>
      <c r="C48" s="182">
        <v>0.125</v>
      </c>
      <c r="D48" s="97">
        <v>8.3842148938509456E-2</v>
      </c>
      <c r="E48" s="182">
        <v>0.11600000000000001</v>
      </c>
      <c r="F48" s="97">
        <v>8.1772869614667731E-2</v>
      </c>
      <c r="G48" s="182">
        <v>0.75900000000000001</v>
      </c>
      <c r="H48" s="97">
        <v>0.10353321824538078</v>
      </c>
      <c r="I48" s="179">
        <v>67</v>
      </c>
      <c r="J48" s="182">
        <v>0.59899999999999998</v>
      </c>
      <c r="K48" s="97">
        <v>0.11658817129252513</v>
      </c>
      <c r="L48" s="182">
        <v>3.6999999999999998E-2</v>
      </c>
      <c r="M48" s="97">
        <v>5.7704859567122888E-2</v>
      </c>
      <c r="N48" s="182">
        <v>0.36399999999999999</v>
      </c>
      <c r="O48" s="97">
        <v>0.11470214962330849</v>
      </c>
    </row>
    <row r="49" spans="1:15">
      <c r="A49" s="45" t="s">
        <v>439</v>
      </c>
      <c r="B49" s="178">
        <v>72</v>
      </c>
      <c r="C49" s="181">
        <v>0.14000000000000001</v>
      </c>
      <c r="D49" s="94">
        <v>8.3880586328383577E-2</v>
      </c>
      <c r="E49" s="181">
        <v>0.25700000000000001</v>
      </c>
      <c r="F49" s="94">
        <v>0.1018262487029556</v>
      </c>
      <c r="G49" s="181">
        <v>0.60399999999999998</v>
      </c>
      <c r="H49" s="94">
        <v>0.11245877960553344</v>
      </c>
      <c r="I49" s="178">
        <v>72</v>
      </c>
      <c r="J49" s="181">
        <v>0.23499999999999999</v>
      </c>
      <c r="K49" s="94">
        <v>9.9200110403505348E-2</v>
      </c>
      <c r="L49" s="181">
        <v>0.25900000000000001</v>
      </c>
      <c r="M49" s="94">
        <v>0.1020505293513717</v>
      </c>
      <c r="N49" s="181">
        <v>0.50600000000000001</v>
      </c>
      <c r="O49" s="94">
        <v>0.11470045421620993</v>
      </c>
    </row>
    <row r="50" spans="1:15">
      <c r="A50" s="49" t="s">
        <v>440</v>
      </c>
      <c r="B50" s="179">
        <v>76</v>
      </c>
      <c r="C50" s="182">
        <v>0.128</v>
      </c>
      <c r="D50" s="97">
        <v>7.9091225809188204E-2</v>
      </c>
      <c r="E50" s="182">
        <v>0.20899999999999999</v>
      </c>
      <c r="F50" s="97">
        <v>9.3159915602151561E-2</v>
      </c>
      <c r="G50" s="182">
        <v>0.66200000000000003</v>
      </c>
      <c r="H50" s="97">
        <v>0.10637546474634083</v>
      </c>
      <c r="I50" s="179">
        <v>76</v>
      </c>
      <c r="J50" s="182">
        <v>0.29199999999999998</v>
      </c>
      <c r="K50" s="97">
        <v>0.10270205450720057</v>
      </c>
      <c r="L50" s="182">
        <v>0.155</v>
      </c>
      <c r="M50" s="97">
        <v>8.443338720553617E-2</v>
      </c>
      <c r="N50" s="182">
        <v>0.55300000000000005</v>
      </c>
      <c r="O50" s="97">
        <v>0.11123508383149625</v>
      </c>
    </row>
    <row r="51" spans="1:15">
      <c r="A51" s="57" t="s">
        <v>441</v>
      </c>
      <c r="B51" s="178">
        <v>57</v>
      </c>
      <c r="C51" s="181">
        <v>0.154</v>
      </c>
      <c r="D51" s="94">
        <v>9.7667784130380908E-2</v>
      </c>
      <c r="E51" s="181">
        <v>0.157</v>
      </c>
      <c r="F51" s="94">
        <v>9.8271786333334069E-2</v>
      </c>
      <c r="G51" s="181">
        <v>0.69</v>
      </c>
      <c r="H51" s="94">
        <v>0.11969337852045284</v>
      </c>
      <c r="I51" s="178">
        <v>58</v>
      </c>
      <c r="J51" s="181">
        <v>0.29099999999999998</v>
      </c>
      <c r="K51" s="94">
        <v>0.1168879925090245</v>
      </c>
      <c r="L51" s="181">
        <v>0.12</v>
      </c>
      <c r="M51" s="94">
        <v>8.9309616388551977E-2</v>
      </c>
      <c r="N51" s="181">
        <v>0.58899999999999997</v>
      </c>
      <c r="O51" s="94">
        <v>0.12522704404736432</v>
      </c>
    </row>
    <row r="52" spans="1:15">
      <c r="A52" s="49" t="s">
        <v>442</v>
      </c>
      <c r="B52" s="179">
        <v>102</v>
      </c>
      <c r="C52" s="182">
        <v>0.182</v>
      </c>
      <c r="D52" s="97">
        <v>7.6814896354071793E-2</v>
      </c>
      <c r="E52" s="182">
        <v>0.221</v>
      </c>
      <c r="F52" s="97">
        <v>8.1939450104816125E-2</v>
      </c>
      <c r="G52" s="182">
        <v>0.59699999999999998</v>
      </c>
      <c r="H52" s="97">
        <v>9.5421154816995798E-2</v>
      </c>
      <c r="I52" s="179">
        <v>102</v>
      </c>
      <c r="J52" s="182">
        <v>0.40699999999999997</v>
      </c>
      <c r="K52" s="97">
        <v>9.5560203011671715E-2</v>
      </c>
      <c r="L52" s="182">
        <v>0.16900000000000001</v>
      </c>
      <c r="M52" s="97">
        <v>7.4871396779660038E-2</v>
      </c>
      <c r="N52" s="182">
        <v>0.42399999999999999</v>
      </c>
      <c r="O52" s="97">
        <v>9.6084023672915728E-2</v>
      </c>
    </row>
    <row r="53" spans="1:15">
      <c r="A53" s="57" t="s">
        <v>443</v>
      </c>
      <c r="B53" s="178">
        <v>149</v>
      </c>
      <c r="C53" s="181">
        <v>0.19500000000000001</v>
      </c>
      <c r="D53" s="94">
        <v>6.5034022248335974E-2</v>
      </c>
      <c r="E53" s="181">
        <v>0.20499999999999999</v>
      </c>
      <c r="F53" s="94">
        <v>6.6167907905844925E-2</v>
      </c>
      <c r="G53" s="181">
        <v>0.6</v>
      </c>
      <c r="H53" s="94">
        <v>7.9296917138600709E-2</v>
      </c>
      <c r="I53" s="178">
        <v>149</v>
      </c>
      <c r="J53" s="181">
        <v>0.29199999999999998</v>
      </c>
      <c r="K53" s="94">
        <v>7.3913674977293162E-2</v>
      </c>
      <c r="L53" s="181">
        <v>0.20799999999999999</v>
      </c>
      <c r="M53" s="94">
        <v>6.6497033323101834E-2</v>
      </c>
      <c r="N53" s="181">
        <v>0.5</v>
      </c>
      <c r="O53" s="94">
        <v>8.0845208345444328E-2</v>
      </c>
    </row>
    <row r="54" spans="1:15">
      <c r="A54" s="49" t="s">
        <v>455</v>
      </c>
      <c r="B54" s="179">
        <v>126</v>
      </c>
      <c r="C54" s="182">
        <v>0.154</v>
      </c>
      <c r="D54" s="97">
        <v>6.5053303084073935E-2</v>
      </c>
      <c r="E54" s="182">
        <v>0.19</v>
      </c>
      <c r="F54" s="97">
        <v>7.0103849099927451E-2</v>
      </c>
      <c r="G54" s="182">
        <v>0.65700000000000003</v>
      </c>
      <c r="H54" s="97">
        <v>8.354538613731978E-2</v>
      </c>
      <c r="I54" s="179">
        <v>126</v>
      </c>
      <c r="J54" s="182">
        <v>0.44500000000000001</v>
      </c>
      <c r="K54" s="97">
        <v>8.7205908399131976E-2</v>
      </c>
      <c r="L54" s="182">
        <v>0.183</v>
      </c>
      <c r="M54" s="97">
        <v>6.9193107915288696E-2</v>
      </c>
      <c r="N54" s="182">
        <v>0.372</v>
      </c>
      <c r="O54" s="97">
        <v>8.4963111393584534E-2</v>
      </c>
    </row>
    <row r="55" spans="1:15">
      <c r="A55" s="57" t="s">
        <v>444</v>
      </c>
      <c r="B55" s="178">
        <v>78</v>
      </c>
      <c r="C55" s="181">
        <v>0.158</v>
      </c>
      <c r="D55" s="94">
        <v>8.3860744589490999E-2</v>
      </c>
      <c r="E55" s="181">
        <v>0.21299999999999999</v>
      </c>
      <c r="F55" s="94">
        <v>9.2517895434395592E-2</v>
      </c>
      <c r="G55" s="181">
        <v>0.629</v>
      </c>
      <c r="H55" s="94">
        <v>0.10705433184903876</v>
      </c>
      <c r="I55" s="178">
        <v>78</v>
      </c>
      <c r="J55" s="181">
        <v>0.48199999999999998</v>
      </c>
      <c r="K55" s="94">
        <v>0.11036675860156636</v>
      </c>
      <c r="L55" s="181">
        <v>0.19500000000000001</v>
      </c>
      <c r="M55" s="94">
        <v>8.9940157183400454E-2</v>
      </c>
      <c r="N55" s="181">
        <v>0.32300000000000001</v>
      </c>
      <c r="O55" s="94">
        <v>0.10398239516141188</v>
      </c>
    </row>
    <row r="56" spans="1:15">
      <c r="A56" s="49" t="s">
        <v>454</v>
      </c>
      <c r="B56" s="179">
        <v>226</v>
      </c>
      <c r="C56" s="182">
        <v>0.17699999999999999</v>
      </c>
      <c r="D56" s="97">
        <v>5.0950663211546045E-2</v>
      </c>
      <c r="E56" s="182">
        <v>0.191</v>
      </c>
      <c r="F56" s="97">
        <v>5.2388382269930422E-2</v>
      </c>
      <c r="G56" s="182">
        <v>0.63200000000000001</v>
      </c>
      <c r="H56" s="97">
        <v>6.3680832165609394E-2</v>
      </c>
      <c r="I56" s="179">
        <v>226</v>
      </c>
      <c r="J56" s="182">
        <v>0.42899999999999999</v>
      </c>
      <c r="K56" s="97">
        <v>6.5293027051944702E-2</v>
      </c>
      <c r="L56" s="182">
        <v>0.16</v>
      </c>
      <c r="M56" s="97">
        <v>4.9058244971540516E-2</v>
      </c>
      <c r="N56" s="182">
        <v>0.41199999999999998</v>
      </c>
      <c r="O56" s="97">
        <v>6.4944526735429844E-2</v>
      </c>
    </row>
    <row r="57" spans="1:15" ht="25.5">
      <c r="A57" s="57" t="s">
        <v>445</v>
      </c>
      <c r="B57" s="178">
        <v>98</v>
      </c>
      <c r="C57" s="181">
        <v>0.16300000000000001</v>
      </c>
      <c r="D57" s="94">
        <v>7.5449949176898734E-2</v>
      </c>
      <c r="E57" s="181">
        <v>8.8999999999999996E-2</v>
      </c>
      <c r="F57" s="94">
        <v>6.0736630849001237E-2</v>
      </c>
      <c r="G57" s="181">
        <v>0.748</v>
      </c>
      <c r="H57" s="94">
        <v>8.7048613413222953E-2</v>
      </c>
      <c r="I57" s="178">
        <v>99</v>
      </c>
      <c r="J57" s="181">
        <v>0.40100000000000002</v>
      </c>
      <c r="K57" s="94">
        <v>9.6732131649488115E-2</v>
      </c>
      <c r="L57" s="181">
        <v>0.186</v>
      </c>
      <c r="M57" s="94">
        <v>7.8558182964364648E-2</v>
      </c>
      <c r="N57" s="181">
        <v>0.41299999999999998</v>
      </c>
      <c r="O57" s="94">
        <v>9.7145165779048123E-2</v>
      </c>
    </row>
    <row r="58" spans="1:15">
      <c r="A58" s="49" t="s">
        <v>471</v>
      </c>
      <c r="B58" s="179">
        <v>80</v>
      </c>
      <c r="C58" s="182">
        <v>0.23</v>
      </c>
      <c r="D58" s="97">
        <v>9.3573895174427116E-2</v>
      </c>
      <c r="E58" s="182">
        <v>0.192</v>
      </c>
      <c r="F58" s="97">
        <v>8.835953489809352E-2</v>
      </c>
      <c r="G58" s="182">
        <v>0.57799999999999996</v>
      </c>
      <c r="H58" s="97">
        <v>0.10789801901466324</v>
      </c>
      <c r="I58" s="179">
        <v>79</v>
      </c>
      <c r="J58" s="182">
        <v>0.45900000000000002</v>
      </c>
      <c r="K58" s="97">
        <v>0.10942943369632507</v>
      </c>
      <c r="L58" s="182">
        <v>0.115</v>
      </c>
      <c r="M58" s="97">
        <v>7.4677616531420021E-2</v>
      </c>
      <c r="N58" s="182">
        <v>0.42699999999999999</v>
      </c>
      <c r="O58" s="97">
        <v>0.10869926717957944</v>
      </c>
    </row>
    <row r="59" spans="1:15">
      <c r="A59" s="57" t="s">
        <v>442</v>
      </c>
      <c r="B59" s="178">
        <v>102</v>
      </c>
      <c r="C59" s="181">
        <v>0.182</v>
      </c>
      <c r="D59" s="94">
        <v>7.6814896354071793E-2</v>
      </c>
      <c r="E59" s="181">
        <v>0.221</v>
      </c>
      <c r="F59" s="94">
        <v>8.1939450104816125E-2</v>
      </c>
      <c r="G59" s="181">
        <v>0.59699999999999998</v>
      </c>
      <c r="H59" s="94">
        <v>9.5421154816995798E-2</v>
      </c>
      <c r="I59" s="178">
        <v>102</v>
      </c>
      <c r="J59" s="181">
        <v>0.40699999999999997</v>
      </c>
      <c r="K59" s="94">
        <v>9.5560203011671715E-2</v>
      </c>
      <c r="L59" s="181">
        <v>0.16900000000000001</v>
      </c>
      <c r="M59" s="94">
        <v>7.4871396779660038E-2</v>
      </c>
      <c r="N59" s="181">
        <v>0.42399999999999999</v>
      </c>
      <c r="O59" s="94">
        <v>9.6084023672915728E-2</v>
      </c>
    </row>
    <row r="61" spans="1:15" ht="18.75">
      <c r="A61" s="367" t="s">
        <v>265</v>
      </c>
      <c r="B61" s="367"/>
      <c r="C61" s="367"/>
      <c r="D61" s="367"/>
    </row>
    <row r="62" spans="1:15" ht="112.5" customHeight="1">
      <c r="A62" s="418" t="s">
        <v>316</v>
      </c>
      <c r="B62" s="418"/>
      <c r="C62" s="418"/>
      <c r="D62" s="418"/>
    </row>
    <row r="63" spans="1:15" ht="39" customHeight="1">
      <c r="A63" s="409" t="s">
        <v>266</v>
      </c>
      <c r="B63" s="409"/>
      <c r="C63" s="409"/>
      <c r="D63" s="409"/>
    </row>
    <row r="64" spans="1:15" ht="39" customHeight="1">
      <c r="A64" s="37" t="s">
        <v>85</v>
      </c>
      <c r="B64" s="38" t="s">
        <v>86</v>
      </c>
      <c r="C64" s="39" t="s">
        <v>87</v>
      </c>
      <c r="D64" s="40" t="s">
        <v>88</v>
      </c>
    </row>
    <row r="65" spans="1:4" ht="72">
      <c r="A65" s="41"/>
      <c r="B65" s="42" t="s">
        <v>89</v>
      </c>
      <c r="C65" s="128" t="s">
        <v>153</v>
      </c>
      <c r="D65" s="44" t="s">
        <v>91</v>
      </c>
    </row>
    <row r="66" spans="1:4">
      <c r="A66" s="45" t="s">
        <v>430</v>
      </c>
      <c r="B66" s="183">
        <v>8617</v>
      </c>
      <c r="C66" s="84">
        <v>2.95</v>
      </c>
      <c r="D66" s="85">
        <v>3.9199999999999999E-2</v>
      </c>
    </row>
    <row r="67" spans="1:4">
      <c r="A67" s="49" t="s">
        <v>431</v>
      </c>
      <c r="B67" s="49">
        <v>7922</v>
      </c>
      <c r="C67" s="186">
        <v>2.9209130000000001</v>
      </c>
      <c r="D67" s="187">
        <v>3.6213352000000004E-2</v>
      </c>
    </row>
    <row r="68" spans="1:4">
      <c r="A68" s="45" t="s">
        <v>432</v>
      </c>
      <c r="B68" s="53">
        <v>777</v>
      </c>
      <c r="C68" s="84">
        <v>2.64</v>
      </c>
      <c r="D68" s="85">
        <v>0.1176</v>
      </c>
    </row>
    <row r="69" spans="1:4">
      <c r="A69" s="49" t="s">
        <v>433</v>
      </c>
      <c r="B69" s="49">
        <v>104</v>
      </c>
      <c r="C69" s="186">
        <v>2.9</v>
      </c>
      <c r="D69" s="187">
        <v>0.27440000000000003</v>
      </c>
    </row>
    <row r="70" spans="1:4">
      <c r="A70" s="45" t="s">
        <v>434</v>
      </c>
      <c r="B70" s="53">
        <v>2292</v>
      </c>
      <c r="C70" s="84">
        <v>3.04</v>
      </c>
      <c r="D70" s="85">
        <v>5.8799999999999998E-2</v>
      </c>
    </row>
    <row r="71" spans="1:4">
      <c r="A71" s="49" t="s">
        <v>435</v>
      </c>
      <c r="B71" s="49">
        <v>2233</v>
      </c>
      <c r="C71" s="186">
        <v>3.08</v>
      </c>
      <c r="D71" s="187">
        <v>7.8399999999999997E-2</v>
      </c>
    </row>
    <row r="72" spans="1:4">
      <c r="A72" s="45" t="s">
        <v>452</v>
      </c>
      <c r="B72" s="53">
        <v>46</v>
      </c>
      <c r="C72" s="84">
        <v>2.71</v>
      </c>
      <c r="D72" s="85">
        <v>0.47039999999999998</v>
      </c>
    </row>
    <row r="73" spans="1:4">
      <c r="A73" s="49" t="s">
        <v>172</v>
      </c>
      <c r="B73" s="49">
        <v>210</v>
      </c>
      <c r="C73" s="186">
        <v>3.26</v>
      </c>
      <c r="D73" s="187">
        <v>0.23519999999999999</v>
      </c>
    </row>
    <row r="74" spans="1:4">
      <c r="A74" s="45" t="s">
        <v>436</v>
      </c>
      <c r="B74" s="53">
        <v>84</v>
      </c>
      <c r="C74" s="84">
        <v>2.97</v>
      </c>
      <c r="D74" s="85">
        <v>0.39200000000000002</v>
      </c>
    </row>
    <row r="75" spans="1:4">
      <c r="A75" s="49" t="s">
        <v>437</v>
      </c>
      <c r="B75" s="49">
        <v>102</v>
      </c>
      <c r="C75" s="186">
        <v>3.52</v>
      </c>
      <c r="D75" s="187">
        <v>0.3332</v>
      </c>
    </row>
    <row r="76" spans="1:4">
      <c r="A76" s="45" t="s">
        <v>453</v>
      </c>
      <c r="B76" s="183">
        <v>476</v>
      </c>
      <c r="C76" s="84">
        <v>3.21</v>
      </c>
      <c r="D76" s="85">
        <v>0.15679999999999999</v>
      </c>
    </row>
    <row r="77" spans="1:4">
      <c r="A77" s="49" t="s">
        <v>438</v>
      </c>
      <c r="B77" s="185">
        <v>67</v>
      </c>
      <c r="C77" s="186">
        <v>3.28</v>
      </c>
      <c r="D77" s="187">
        <v>0.37240000000000001</v>
      </c>
    </row>
    <row r="78" spans="1:4">
      <c r="A78" s="45" t="s">
        <v>439</v>
      </c>
      <c r="B78" s="83">
        <v>72</v>
      </c>
      <c r="C78" s="84">
        <v>3.34</v>
      </c>
      <c r="D78" s="85">
        <v>0.43119999999999997</v>
      </c>
    </row>
    <row r="79" spans="1:4">
      <c r="A79" s="49" t="s">
        <v>440</v>
      </c>
      <c r="B79" s="185">
        <v>76</v>
      </c>
      <c r="C79" s="186">
        <v>3.53</v>
      </c>
      <c r="D79" s="187">
        <v>0.37240000000000001</v>
      </c>
    </row>
    <row r="80" spans="1:4">
      <c r="A80" s="57" t="s">
        <v>441</v>
      </c>
      <c r="B80" s="183">
        <v>58</v>
      </c>
      <c r="C80" s="84">
        <v>3.77</v>
      </c>
      <c r="D80" s="85">
        <v>0.47039999999999998</v>
      </c>
    </row>
    <row r="81" spans="1:30">
      <c r="A81" s="49" t="s">
        <v>442</v>
      </c>
      <c r="B81" s="185">
        <v>102</v>
      </c>
      <c r="C81" s="186">
        <v>2.83</v>
      </c>
      <c r="D81" s="187">
        <v>0.31359999999999999</v>
      </c>
    </row>
    <row r="82" spans="1:30">
      <c r="A82" s="57" t="s">
        <v>443</v>
      </c>
      <c r="B82" s="183">
        <v>149</v>
      </c>
      <c r="C82" s="84">
        <v>2.8</v>
      </c>
      <c r="D82" s="85">
        <v>0.25480000000000003</v>
      </c>
    </row>
    <row r="83" spans="1:30">
      <c r="A83" s="49" t="s">
        <v>455</v>
      </c>
      <c r="B83" s="185">
        <v>126</v>
      </c>
      <c r="C83" s="186">
        <v>3.15</v>
      </c>
      <c r="D83" s="187">
        <v>0.27440000000000003</v>
      </c>
    </row>
    <row r="84" spans="1:30">
      <c r="A84" s="57" t="s">
        <v>444</v>
      </c>
      <c r="B84" s="183">
        <v>78</v>
      </c>
      <c r="C84" s="84">
        <v>3.23</v>
      </c>
      <c r="D84" s="85">
        <v>0.37240000000000001</v>
      </c>
    </row>
    <row r="85" spans="1:30">
      <c r="A85" s="49" t="s">
        <v>454</v>
      </c>
      <c r="B85" s="185">
        <v>227</v>
      </c>
      <c r="C85" s="186">
        <v>2.83</v>
      </c>
      <c r="D85" s="187">
        <v>0.19600000000000001</v>
      </c>
      <c r="P85" s="266"/>
      <c r="Q85" s="266"/>
      <c r="R85" s="266"/>
      <c r="S85" s="266"/>
      <c r="T85" s="266"/>
      <c r="U85" s="266"/>
      <c r="V85" s="266"/>
      <c r="W85" s="266"/>
      <c r="X85" s="266"/>
      <c r="Y85" s="266"/>
      <c r="Z85" s="266"/>
      <c r="AA85" s="266"/>
      <c r="AB85" s="266"/>
      <c r="AC85" s="266"/>
      <c r="AD85" s="266"/>
    </row>
    <row r="86" spans="1:30" ht="25.5">
      <c r="A86" s="57" t="s">
        <v>445</v>
      </c>
      <c r="B86" s="183">
        <v>99</v>
      </c>
      <c r="C86" s="84">
        <v>3.38</v>
      </c>
      <c r="D86" s="85">
        <v>0.31359999999999999</v>
      </c>
      <c r="P86" s="266"/>
      <c r="Q86" s="266"/>
      <c r="R86" s="266"/>
      <c r="S86" s="266"/>
      <c r="T86" s="266"/>
      <c r="U86" s="266"/>
      <c r="V86" s="266"/>
      <c r="W86" s="266"/>
      <c r="X86" s="266"/>
      <c r="Y86" s="266"/>
      <c r="Z86" s="266"/>
      <c r="AA86" s="266"/>
      <c r="AB86" s="266"/>
      <c r="AC86" s="266"/>
      <c r="AD86" s="266"/>
    </row>
    <row r="87" spans="1:30">
      <c r="A87" s="49" t="s">
        <v>471</v>
      </c>
      <c r="B87" s="185">
        <v>80</v>
      </c>
      <c r="C87" s="186">
        <v>2.58</v>
      </c>
      <c r="D87" s="187">
        <v>0.3528</v>
      </c>
      <c r="P87" s="266"/>
      <c r="Q87" s="266"/>
      <c r="R87" s="266"/>
      <c r="S87" s="266"/>
      <c r="T87" s="266"/>
      <c r="U87" s="266"/>
      <c r="V87" s="266"/>
      <c r="W87" s="266"/>
      <c r="X87" s="266"/>
      <c r="Y87" s="266"/>
      <c r="Z87" s="266"/>
      <c r="AA87" s="266"/>
      <c r="AB87" s="266"/>
      <c r="AC87" s="266"/>
      <c r="AD87" s="266"/>
    </row>
    <row r="88" spans="1:30">
      <c r="A88" s="57" t="s">
        <v>442</v>
      </c>
      <c r="B88" s="183">
        <v>102</v>
      </c>
      <c r="C88" s="84">
        <v>2.83</v>
      </c>
      <c r="D88" s="85">
        <v>0.31359999999999999</v>
      </c>
      <c r="P88" s="266"/>
      <c r="Q88" s="266"/>
      <c r="R88" s="266"/>
      <c r="S88" s="266"/>
      <c r="T88" s="266"/>
      <c r="U88" s="266"/>
      <c r="V88" s="266"/>
      <c r="W88" s="266"/>
      <c r="X88" s="266"/>
      <c r="Y88" s="266"/>
      <c r="Z88" s="266"/>
      <c r="AA88" s="266"/>
      <c r="AB88" s="266"/>
      <c r="AC88" s="266"/>
      <c r="AD88" s="266"/>
    </row>
    <row r="89" spans="1:30">
      <c r="P89" s="266"/>
      <c r="Q89" s="266"/>
      <c r="R89" s="266"/>
      <c r="S89" s="266"/>
      <c r="T89" s="266"/>
      <c r="U89" s="266"/>
      <c r="V89" s="266"/>
      <c r="W89" s="266"/>
      <c r="X89" s="266"/>
      <c r="Y89" s="266"/>
      <c r="Z89" s="266"/>
      <c r="AA89" s="266"/>
      <c r="AB89" s="266"/>
      <c r="AC89" s="266"/>
      <c r="AD89" s="266"/>
    </row>
    <row r="90" spans="1:30" ht="18.75">
      <c r="A90" s="368" t="s">
        <v>47</v>
      </c>
      <c r="B90" s="368"/>
      <c r="C90" s="368"/>
      <c r="D90" s="368"/>
      <c r="E90" s="368"/>
      <c r="F90" s="368"/>
      <c r="G90" s="368"/>
      <c r="H90" s="368"/>
      <c r="I90" s="368"/>
      <c r="J90" s="368"/>
      <c r="K90" s="368"/>
      <c r="L90" s="368"/>
      <c r="M90" s="368"/>
      <c r="N90" s="368"/>
      <c r="O90" s="368"/>
      <c r="P90" s="236"/>
      <c r="Q90" s="236"/>
      <c r="R90" s="236"/>
      <c r="S90" s="236"/>
      <c r="T90" s="236"/>
      <c r="U90" s="236"/>
      <c r="V90" s="236"/>
      <c r="W90" s="236"/>
      <c r="X90" s="236"/>
      <c r="Y90" s="236"/>
      <c r="Z90" s="236"/>
      <c r="AA90" s="236"/>
      <c r="AB90" s="236"/>
      <c r="AC90" s="236"/>
      <c r="AD90" s="266"/>
    </row>
    <row r="91" spans="1:30" ht="38.25" customHeight="1">
      <c r="A91" s="421" t="s">
        <v>497</v>
      </c>
      <c r="B91" s="421"/>
      <c r="C91" s="421"/>
      <c r="D91" s="421"/>
      <c r="E91" s="421"/>
      <c r="F91" s="421"/>
      <c r="G91" s="421"/>
      <c r="H91" s="421"/>
      <c r="I91" s="421"/>
      <c r="J91" s="421"/>
      <c r="K91" s="421"/>
      <c r="L91" s="421"/>
      <c r="M91" s="421"/>
      <c r="N91" s="421"/>
      <c r="O91" s="421"/>
      <c r="P91" s="262"/>
      <c r="Q91" s="262"/>
      <c r="R91" s="262"/>
      <c r="S91" s="262"/>
      <c r="T91" s="262"/>
      <c r="U91" s="262"/>
      <c r="V91" s="262"/>
      <c r="W91" s="262"/>
      <c r="X91" s="262"/>
      <c r="Y91" s="262"/>
      <c r="Z91" s="262"/>
      <c r="AA91" s="262"/>
      <c r="AB91" s="262"/>
      <c r="AC91" s="262"/>
      <c r="AD91" s="266"/>
    </row>
    <row r="92" spans="1:30" ht="38.25" customHeight="1">
      <c r="A92" s="64"/>
      <c r="B92" s="398" t="s">
        <v>242</v>
      </c>
      <c r="C92" s="398"/>
      <c r="D92" s="398"/>
      <c r="E92" s="398"/>
      <c r="F92" s="398"/>
      <c r="G92" s="398"/>
      <c r="H92" s="398"/>
      <c r="I92" s="398" t="s">
        <v>243</v>
      </c>
      <c r="J92" s="398"/>
      <c r="K92" s="398"/>
      <c r="L92" s="398"/>
      <c r="M92" s="398"/>
      <c r="N92" s="398"/>
      <c r="O92" s="398"/>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2</v>
      </c>
      <c r="D94" s="91" t="s">
        <v>104</v>
      </c>
      <c r="E94" s="42" t="s">
        <v>183</v>
      </c>
      <c r="F94" s="91" t="s">
        <v>104</v>
      </c>
      <c r="G94" s="42" t="s">
        <v>184</v>
      </c>
      <c r="H94" s="91" t="s">
        <v>104</v>
      </c>
      <c r="I94" s="68" t="s">
        <v>89</v>
      </c>
      <c r="J94" s="68" t="s">
        <v>182</v>
      </c>
      <c r="K94" s="90" t="s">
        <v>104</v>
      </c>
      <c r="L94" s="68" t="s">
        <v>183</v>
      </c>
      <c r="M94" s="90" t="s">
        <v>104</v>
      </c>
      <c r="N94" s="68" t="s">
        <v>184</v>
      </c>
      <c r="O94" s="90" t="s">
        <v>104</v>
      </c>
    </row>
    <row r="95" spans="1:30">
      <c r="A95" s="45" t="s">
        <v>430</v>
      </c>
      <c r="B95" s="183">
        <v>8564</v>
      </c>
      <c r="C95" s="188">
        <v>0.64300000000000002</v>
      </c>
      <c r="D95" s="94">
        <v>1.0352563855930568E-2</v>
      </c>
      <c r="E95" s="188">
        <v>8.2000000000000003E-2</v>
      </c>
      <c r="F95" s="94">
        <v>5.9345599913928392E-3</v>
      </c>
      <c r="G95" s="188">
        <v>0.27500000000000002</v>
      </c>
      <c r="H95" s="94">
        <v>9.6488839108659491E-3</v>
      </c>
      <c r="I95" s="183">
        <v>8575</v>
      </c>
      <c r="J95" s="188">
        <v>0.623</v>
      </c>
      <c r="K95" s="94">
        <v>1.0465004033900629E-2</v>
      </c>
      <c r="L95" s="188">
        <v>9.9000000000000005E-2</v>
      </c>
      <c r="M95" s="94">
        <v>6.4544062888594756E-3</v>
      </c>
      <c r="N95" s="188">
        <v>0.27900000000000003</v>
      </c>
      <c r="O95" s="94">
        <v>9.6856895190340735E-3</v>
      </c>
    </row>
    <row r="96" spans="1:30">
      <c r="A96" s="49" t="s">
        <v>431</v>
      </c>
      <c r="B96" s="185">
        <v>7972</v>
      </c>
      <c r="C96" s="189">
        <v>0.62339999999999995</v>
      </c>
      <c r="D96" s="97">
        <v>1.0851133399942283E-2</v>
      </c>
      <c r="E96" s="189">
        <v>0.1008</v>
      </c>
      <c r="F96" s="97">
        <v>6.7480507263889171E-3</v>
      </c>
      <c r="G96" s="189">
        <v>0.27579999999999999</v>
      </c>
      <c r="H96" s="97">
        <v>1.0009643400605403E-2</v>
      </c>
      <c r="I96" s="185">
        <v>7963</v>
      </c>
      <c r="J96" s="189">
        <v>0.65549999999999997</v>
      </c>
      <c r="K96" s="97">
        <v>1.0648462088641538E-2</v>
      </c>
      <c r="L96" s="189">
        <v>7.5700000000000003E-2</v>
      </c>
      <c r="M96" s="97">
        <v>5.9346781356819272E-3</v>
      </c>
      <c r="N96" s="189">
        <v>0.26879999999999998</v>
      </c>
      <c r="O96" s="97">
        <v>9.9351536580892571E-3</v>
      </c>
    </row>
    <row r="97" spans="1:15">
      <c r="A97" s="45" t="s">
        <v>432</v>
      </c>
      <c r="B97" s="183">
        <v>772</v>
      </c>
      <c r="C97" s="188">
        <v>0.76060000000000005</v>
      </c>
      <c r="D97" s="94">
        <v>3.0695206228583287E-2</v>
      </c>
      <c r="E97" s="188">
        <v>7.4899999999999994E-2</v>
      </c>
      <c r="F97" s="94">
        <v>1.9150540122356226E-2</v>
      </c>
      <c r="G97" s="188">
        <v>0.16450000000000001</v>
      </c>
      <c r="H97" s="94">
        <v>2.6728606840815954E-2</v>
      </c>
      <c r="I97" s="183">
        <v>775</v>
      </c>
      <c r="J97" s="188">
        <v>0.64800000000000002</v>
      </c>
      <c r="K97" s="94">
        <v>3.4239987228942073E-2</v>
      </c>
      <c r="L97" s="188">
        <v>8.3000000000000004E-2</v>
      </c>
      <c r="M97" s="94">
        <v>1.9998996329259174E-2</v>
      </c>
      <c r="N97" s="188">
        <v>0.26900000000000002</v>
      </c>
      <c r="O97" s="94">
        <v>3.1819903020326883E-2</v>
      </c>
    </row>
    <row r="98" spans="1:15">
      <c r="A98" s="49" t="s">
        <v>433</v>
      </c>
      <c r="B98" s="185">
        <v>104</v>
      </c>
      <c r="C98" s="189">
        <v>0.52600000000000002</v>
      </c>
      <c r="D98" s="97">
        <v>9.6104331188558947E-2</v>
      </c>
      <c r="E98" s="189">
        <v>0.127</v>
      </c>
      <c r="F98" s="97">
        <v>6.6939996000698179E-2</v>
      </c>
      <c r="G98" s="189">
        <v>0.34699999999999998</v>
      </c>
      <c r="H98" s="97">
        <v>9.195266271875957E-2</v>
      </c>
      <c r="I98" s="185">
        <v>104</v>
      </c>
      <c r="J98" s="189">
        <v>0.78200000000000003</v>
      </c>
      <c r="K98" s="97">
        <v>8.0796401699973402E-2</v>
      </c>
      <c r="L98" s="189">
        <v>9.1999999999999998E-2</v>
      </c>
      <c r="M98" s="97">
        <v>5.9516048563221916E-2</v>
      </c>
      <c r="N98" s="189">
        <v>0.126</v>
      </c>
      <c r="O98" s="97">
        <v>6.6748092325482178E-2</v>
      </c>
    </row>
    <row r="99" spans="1:15">
      <c r="A99" s="45" t="s">
        <v>434</v>
      </c>
      <c r="B99" s="183">
        <v>2280</v>
      </c>
      <c r="C99" s="188">
        <v>0.625</v>
      </c>
      <c r="D99" s="94">
        <v>2.0262276796697121E-2</v>
      </c>
      <c r="E99" s="188">
        <v>8.6999999999999994E-2</v>
      </c>
      <c r="F99" s="94">
        <v>1.1838664165579407E-2</v>
      </c>
      <c r="G99" s="188">
        <v>0.28799999999999998</v>
      </c>
      <c r="H99" s="94">
        <v>1.8957657871609048E-2</v>
      </c>
      <c r="I99" s="183">
        <v>2281</v>
      </c>
      <c r="J99" s="188">
        <v>0.59</v>
      </c>
      <c r="K99" s="94">
        <v>2.057928401296915E-2</v>
      </c>
      <c r="L99" s="188">
        <v>9.9000000000000005E-2</v>
      </c>
      <c r="M99" s="94">
        <v>1.2535218599233108E-2</v>
      </c>
      <c r="N99" s="188">
        <v>0.311</v>
      </c>
      <c r="O99" s="94">
        <v>1.9373285905371698E-2</v>
      </c>
    </row>
    <row r="100" spans="1:15">
      <c r="A100" s="49" t="s">
        <v>435</v>
      </c>
      <c r="B100" s="185">
        <v>2222</v>
      </c>
      <c r="C100" s="189">
        <v>0.58599999999999997</v>
      </c>
      <c r="D100" s="97">
        <v>2.0880464848175077E-2</v>
      </c>
      <c r="E100" s="189">
        <v>9.9000000000000005E-2</v>
      </c>
      <c r="F100" s="97">
        <v>1.2701308514747406E-2</v>
      </c>
      <c r="G100" s="189">
        <v>0.315</v>
      </c>
      <c r="H100" s="97">
        <v>1.9696615860197397E-2</v>
      </c>
      <c r="I100" s="185">
        <v>2221</v>
      </c>
      <c r="J100" s="189">
        <v>0.61499999999999999</v>
      </c>
      <c r="K100" s="97">
        <v>2.0633669781807227E-2</v>
      </c>
      <c r="L100" s="189">
        <v>8.5999999999999993E-2</v>
      </c>
      <c r="M100" s="97">
        <v>1.1933877853306938E-2</v>
      </c>
      <c r="N100" s="189">
        <v>0.29899999999999999</v>
      </c>
      <c r="O100" s="97">
        <v>1.9418241462164067E-2</v>
      </c>
    </row>
    <row r="101" spans="1:15">
      <c r="A101" s="45" t="s">
        <v>452</v>
      </c>
      <c r="B101" s="183">
        <v>45</v>
      </c>
      <c r="C101" s="188">
        <v>0.56100000000000005</v>
      </c>
      <c r="D101" s="94">
        <v>0.14195765792089343</v>
      </c>
      <c r="E101" s="188">
        <v>0.11799999999999999</v>
      </c>
      <c r="F101" s="94">
        <v>0.10179126502742269</v>
      </c>
      <c r="G101" s="188">
        <v>0.32100000000000001</v>
      </c>
      <c r="H101" s="94">
        <v>0.13491544320085291</v>
      </c>
      <c r="I101" s="183">
        <v>46</v>
      </c>
      <c r="J101" s="188">
        <v>0.76400000000000001</v>
      </c>
      <c r="K101" s="94">
        <v>0.12361530830766876</v>
      </c>
      <c r="L101" s="188">
        <v>8.4000000000000005E-2</v>
      </c>
      <c r="M101" s="94">
        <v>9.100567085627137E-2</v>
      </c>
      <c r="N101" s="188">
        <v>0.152</v>
      </c>
      <c r="O101" s="94">
        <v>0.10862691173001283</v>
      </c>
    </row>
    <row r="102" spans="1:15">
      <c r="A102" s="49" t="s">
        <v>172</v>
      </c>
      <c r="B102" s="185">
        <v>209</v>
      </c>
      <c r="C102" s="189">
        <v>0.54100000000000004</v>
      </c>
      <c r="D102" s="97">
        <v>6.8296721210631225E-2</v>
      </c>
      <c r="E102" s="189">
        <v>7.6999999999999999E-2</v>
      </c>
      <c r="F102" s="97">
        <v>3.8205826624101678E-2</v>
      </c>
      <c r="G102" s="189">
        <v>0.38200000000000001</v>
      </c>
      <c r="H102" s="97">
        <v>6.6656439118757738E-2</v>
      </c>
      <c r="I102" s="185">
        <v>210</v>
      </c>
      <c r="J102" s="189">
        <v>0.56100000000000005</v>
      </c>
      <c r="K102" s="97">
        <v>6.7866940016797925E-2</v>
      </c>
      <c r="L102" s="189">
        <v>0.104</v>
      </c>
      <c r="M102" s="97">
        <v>4.3015209808778196E-2</v>
      </c>
      <c r="N102" s="189">
        <v>0.33500000000000002</v>
      </c>
      <c r="O102" s="97">
        <v>6.467506781916034E-2</v>
      </c>
    </row>
    <row r="103" spans="1:15">
      <c r="A103" s="45" t="s">
        <v>436</v>
      </c>
      <c r="B103" s="183">
        <v>83</v>
      </c>
      <c r="C103" s="188">
        <v>0.58399999999999996</v>
      </c>
      <c r="D103" s="94">
        <v>0.10582525435928547</v>
      </c>
      <c r="E103" s="188">
        <v>6.8000000000000005E-2</v>
      </c>
      <c r="F103" s="94">
        <v>6.0701767969335386E-2</v>
      </c>
      <c r="G103" s="188">
        <v>0.34799999999999998</v>
      </c>
      <c r="H103" s="94">
        <v>0.10260327940235237</v>
      </c>
      <c r="I103" s="183">
        <v>84</v>
      </c>
      <c r="J103" s="188">
        <v>0.63600000000000001</v>
      </c>
      <c r="K103" s="94">
        <v>0.10294465407759415</v>
      </c>
      <c r="L103" s="188">
        <v>0.111</v>
      </c>
      <c r="M103" s="94">
        <v>7.1389714006749178E-2</v>
      </c>
      <c r="N103" s="188">
        <v>0.254</v>
      </c>
      <c r="O103" s="94">
        <v>9.4113186567027635E-2</v>
      </c>
    </row>
    <row r="104" spans="1:15">
      <c r="A104" s="49" t="s">
        <v>437</v>
      </c>
      <c r="B104" s="185">
        <v>102</v>
      </c>
      <c r="C104" s="189">
        <v>0.505</v>
      </c>
      <c r="D104" s="97">
        <v>9.7124089309752998E-2</v>
      </c>
      <c r="E104" s="189">
        <v>7.4999999999999997E-2</v>
      </c>
      <c r="F104" s="97">
        <v>5.5880555399157081E-2</v>
      </c>
      <c r="G104" s="189">
        <v>0.42099999999999999</v>
      </c>
      <c r="H104" s="97">
        <v>9.599943626396451E-2</v>
      </c>
      <c r="I104" s="185">
        <v>102</v>
      </c>
      <c r="J104" s="189">
        <v>0.50600000000000001</v>
      </c>
      <c r="K104" s="97">
        <v>9.7122110596361971E-2</v>
      </c>
      <c r="L104" s="189">
        <v>5.7000000000000002E-2</v>
      </c>
      <c r="M104" s="97">
        <v>5.0761294058786488E-2</v>
      </c>
      <c r="N104" s="189">
        <v>0.437</v>
      </c>
      <c r="O104" s="97">
        <v>9.6412027617402682E-2</v>
      </c>
    </row>
    <row r="105" spans="1:15">
      <c r="A105" s="45" t="s">
        <v>453</v>
      </c>
      <c r="B105" s="183">
        <v>472</v>
      </c>
      <c r="C105" s="188">
        <v>0.59899999999999998</v>
      </c>
      <c r="D105" s="94">
        <v>4.4942823674155037E-2</v>
      </c>
      <c r="E105" s="188">
        <v>8.7999999999999995E-2</v>
      </c>
      <c r="F105" s="94">
        <v>2.6425232023505035E-2</v>
      </c>
      <c r="G105" s="188">
        <v>0.313</v>
      </c>
      <c r="H105" s="94">
        <v>4.2566432991618046E-2</v>
      </c>
      <c r="I105" s="183">
        <v>475</v>
      </c>
      <c r="J105" s="188">
        <v>0.56100000000000005</v>
      </c>
      <c r="K105" s="94">
        <v>4.5355555361268347E-2</v>
      </c>
      <c r="L105" s="188">
        <v>9.1999999999999998E-2</v>
      </c>
      <c r="M105" s="94">
        <v>2.684597429988754E-2</v>
      </c>
      <c r="N105" s="188">
        <v>0.34699999999999998</v>
      </c>
      <c r="O105" s="94">
        <v>4.353678473390564E-2</v>
      </c>
    </row>
    <row r="106" spans="1:15">
      <c r="A106" s="49" t="s">
        <v>438</v>
      </c>
      <c r="B106" s="185">
        <v>66</v>
      </c>
      <c r="C106" s="189">
        <v>0.67400000000000004</v>
      </c>
      <c r="D106" s="97">
        <v>0.11290584038482206</v>
      </c>
      <c r="E106" s="189">
        <v>9.6000000000000002E-2</v>
      </c>
      <c r="F106" s="97">
        <v>7.7424361961031918E-2</v>
      </c>
      <c r="G106" s="189">
        <v>0.23</v>
      </c>
      <c r="H106" s="97">
        <v>0.10287117818073022</v>
      </c>
      <c r="I106" s="185">
        <v>67</v>
      </c>
      <c r="J106" s="189">
        <v>0.46600000000000003</v>
      </c>
      <c r="K106" s="97">
        <v>0.11843357546585202</v>
      </c>
      <c r="L106" s="189">
        <v>9.6000000000000002E-2</v>
      </c>
      <c r="M106" s="97">
        <v>7.6786329463283579E-2</v>
      </c>
      <c r="N106" s="189">
        <v>0.438</v>
      </c>
      <c r="O106" s="97">
        <v>0.11786287712081732</v>
      </c>
    </row>
    <row r="107" spans="1:15">
      <c r="A107" s="45" t="s">
        <v>439</v>
      </c>
      <c r="B107" s="183">
        <v>71</v>
      </c>
      <c r="C107" s="188">
        <v>0.63300000000000001</v>
      </c>
      <c r="D107" s="94">
        <v>0.11174912647864745</v>
      </c>
      <c r="E107" s="188">
        <v>7.4999999999999997E-2</v>
      </c>
      <c r="F107" s="94">
        <v>6.8557669695476622E-2</v>
      </c>
      <c r="G107" s="188">
        <v>0.29199999999999998</v>
      </c>
      <c r="H107" s="94">
        <v>0.10613896918593026</v>
      </c>
      <c r="I107" s="183">
        <v>72</v>
      </c>
      <c r="J107" s="188">
        <v>0.52400000000000002</v>
      </c>
      <c r="K107" s="94">
        <v>0.11458920588714425</v>
      </c>
      <c r="L107" s="188">
        <v>7.4999999999999997E-2</v>
      </c>
      <c r="M107" s="94">
        <v>6.8012309889788958E-2</v>
      </c>
      <c r="N107" s="188">
        <v>0.40100000000000002</v>
      </c>
      <c r="O107" s="94">
        <v>0.11267174834471448</v>
      </c>
    </row>
    <row r="108" spans="1:15">
      <c r="A108" s="49" t="s">
        <v>440</v>
      </c>
      <c r="B108" s="185">
        <v>76</v>
      </c>
      <c r="C108" s="189">
        <v>0.434</v>
      </c>
      <c r="D108" s="97">
        <v>0.11092085241288041</v>
      </c>
      <c r="E108" s="189">
        <v>9.7000000000000003E-2</v>
      </c>
      <c r="F108" s="97">
        <v>7.1911708886661846E-2</v>
      </c>
      <c r="G108" s="189">
        <v>0.46899999999999997</v>
      </c>
      <c r="H108" s="97">
        <v>0.11160929564780883</v>
      </c>
      <c r="I108" s="185">
        <v>76</v>
      </c>
      <c r="J108" s="189">
        <v>0.51300000000000001</v>
      </c>
      <c r="K108" s="97">
        <v>0.11176928860380207</v>
      </c>
      <c r="L108" s="189">
        <v>0.13700000000000001</v>
      </c>
      <c r="M108" s="97">
        <v>8.0956308432388394E-2</v>
      </c>
      <c r="N108" s="189">
        <v>0.35</v>
      </c>
      <c r="O108" s="97">
        <v>0.10716663426645441</v>
      </c>
    </row>
    <row r="109" spans="1:15">
      <c r="A109" s="57" t="s">
        <v>441</v>
      </c>
      <c r="B109" s="183">
        <v>57</v>
      </c>
      <c r="C109" s="188">
        <v>0.52</v>
      </c>
      <c r="D109" s="94">
        <v>0.12794741210936927</v>
      </c>
      <c r="E109" s="188">
        <v>9.9000000000000005E-2</v>
      </c>
      <c r="F109" s="94">
        <v>8.4774038866316279E-2</v>
      </c>
      <c r="G109" s="188">
        <v>0.38100000000000001</v>
      </c>
      <c r="H109" s="94">
        <v>0.12483045266584279</v>
      </c>
      <c r="I109" s="183">
        <v>57</v>
      </c>
      <c r="J109" s="188">
        <v>0.43</v>
      </c>
      <c r="K109" s="94">
        <v>0.12693655401022902</v>
      </c>
      <c r="L109" s="188">
        <v>0.02</v>
      </c>
      <c r="M109" s="94">
        <v>5.6583431519392796E-2</v>
      </c>
      <c r="N109" s="188">
        <v>0.55000000000000004</v>
      </c>
      <c r="O109" s="94">
        <v>0.12747667586185343</v>
      </c>
    </row>
    <row r="110" spans="1:15">
      <c r="A110" s="49" t="s">
        <v>442</v>
      </c>
      <c r="B110" s="185">
        <v>102</v>
      </c>
      <c r="C110" s="189">
        <v>0.72799999999999998</v>
      </c>
      <c r="D110" s="97">
        <v>8.7278624722146633E-2</v>
      </c>
      <c r="E110" s="189">
        <v>0.128</v>
      </c>
      <c r="F110" s="97">
        <v>6.7813010785884031E-2</v>
      </c>
      <c r="G110" s="189">
        <v>0.14399999999999999</v>
      </c>
      <c r="H110" s="97">
        <v>7.075029429633059E-2</v>
      </c>
      <c r="I110" s="185">
        <v>102</v>
      </c>
      <c r="J110" s="189">
        <v>0.52500000000000002</v>
      </c>
      <c r="K110" s="97">
        <v>9.701610055346109E-2</v>
      </c>
      <c r="L110" s="189">
        <v>0.14499999999999999</v>
      </c>
      <c r="M110" s="97">
        <v>7.0925648518939677E-2</v>
      </c>
      <c r="N110" s="189">
        <v>0.33</v>
      </c>
      <c r="O110" s="97">
        <v>9.1783169139890319E-2</v>
      </c>
    </row>
    <row r="111" spans="1:15">
      <c r="A111" s="57" t="s">
        <v>443</v>
      </c>
      <c r="B111" s="183">
        <v>148</v>
      </c>
      <c r="C111" s="188">
        <v>0.68400000000000005</v>
      </c>
      <c r="D111" s="94">
        <v>7.5724995656628352E-2</v>
      </c>
      <c r="E111" s="188">
        <v>5.8999999999999997E-2</v>
      </c>
      <c r="F111" s="94">
        <v>4.1555340391585101E-2</v>
      </c>
      <c r="G111" s="188">
        <v>0.25800000000000001</v>
      </c>
      <c r="H111" s="94">
        <v>7.1539050617343197E-2</v>
      </c>
      <c r="I111" s="183">
        <v>149</v>
      </c>
      <c r="J111" s="188">
        <v>0.66700000000000004</v>
      </c>
      <c r="K111" s="94">
        <v>7.6448998128979317E-2</v>
      </c>
      <c r="L111" s="188">
        <v>0.1</v>
      </c>
      <c r="M111" s="94">
        <v>5.0683344371728112E-2</v>
      </c>
      <c r="N111" s="188">
        <v>0.23300000000000001</v>
      </c>
      <c r="O111" s="94">
        <v>6.905331908595673E-2</v>
      </c>
    </row>
    <row r="112" spans="1:15">
      <c r="A112" s="49" t="s">
        <v>455</v>
      </c>
      <c r="B112" s="185">
        <v>126</v>
      </c>
      <c r="C112" s="189">
        <v>0.64700000000000002</v>
      </c>
      <c r="D112" s="97">
        <v>8.406962799060029E-2</v>
      </c>
      <c r="E112" s="189">
        <v>7.0999999999999994E-2</v>
      </c>
      <c r="F112" s="97">
        <v>4.8709613645957626E-2</v>
      </c>
      <c r="G112" s="189">
        <v>0.28199999999999997</v>
      </c>
      <c r="H112" s="97">
        <v>7.9489827256275944E-2</v>
      </c>
      <c r="I112" s="185">
        <v>126</v>
      </c>
      <c r="J112" s="189">
        <v>0.496</v>
      </c>
      <c r="K112" s="97">
        <v>8.7703165361252777E-2</v>
      </c>
      <c r="L112" s="189">
        <v>0.155</v>
      </c>
      <c r="M112" s="97">
        <v>6.5206636989728589E-2</v>
      </c>
      <c r="N112" s="189">
        <v>0.34899999999999998</v>
      </c>
      <c r="O112" s="97">
        <v>8.3864460560519702E-2</v>
      </c>
    </row>
    <row r="113" spans="1:28">
      <c r="A113" s="57" t="s">
        <v>444</v>
      </c>
      <c r="B113" s="183">
        <v>78</v>
      </c>
      <c r="C113" s="188">
        <v>0.66</v>
      </c>
      <c r="D113" s="94">
        <v>0.10519126478948887</v>
      </c>
      <c r="E113" s="188">
        <v>8.1000000000000003E-2</v>
      </c>
      <c r="F113" s="94">
        <v>6.6680581413255002E-2</v>
      </c>
      <c r="G113" s="188">
        <v>0.25900000000000001</v>
      </c>
      <c r="H113" s="94">
        <v>9.8140574437653158E-2</v>
      </c>
      <c r="I113" s="183">
        <v>78</v>
      </c>
      <c r="J113" s="188">
        <v>0.46100000000000002</v>
      </c>
      <c r="K113" s="94">
        <v>0.11012714845935283</v>
      </c>
      <c r="L113" s="188">
        <v>0.14499999999999999</v>
      </c>
      <c r="M113" s="94">
        <v>8.1441357303372361E-2</v>
      </c>
      <c r="N113" s="188">
        <v>0.39400000000000002</v>
      </c>
      <c r="O113" s="94">
        <v>0.108162808326843</v>
      </c>
    </row>
    <row r="114" spans="1:28">
      <c r="A114" s="49" t="s">
        <v>454</v>
      </c>
      <c r="B114" s="185">
        <v>227</v>
      </c>
      <c r="C114" s="189">
        <v>0.78</v>
      </c>
      <c r="D114" s="97">
        <v>5.4936664628610826E-2</v>
      </c>
      <c r="E114" s="189">
        <v>6.3E-2</v>
      </c>
      <c r="F114" s="97">
        <v>3.370033052512688E-2</v>
      </c>
      <c r="G114" s="189">
        <v>0.158</v>
      </c>
      <c r="H114" s="97">
        <v>4.8715381588580131E-2</v>
      </c>
      <c r="I114" s="185">
        <v>226</v>
      </c>
      <c r="J114" s="189">
        <v>0.51300000000000001</v>
      </c>
      <c r="K114" s="97">
        <v>6.5916525228379652E-2</v>
      </c>
      <c r="L114" s="189">
        <v>0.153</v>
      </c>
      <c r="M114" s="97">
        <v>4.8228211215338622E-2</v>
      </c>
      <c r="N114" s="189">
        <v>0.33400000000000002</v>
      </c>
      <c r="O114" s="97">
        <v>6.2330693820350211E-2</v>
      </c>
    </row>
    <row r="115" spans="1:28" ht="25.5">
      <c r="A115" s="57" t="s">
        <v>445</v>
      </c>
      <c r="B115" s="183">
        <v>99</v>
      </c>
      <c r="C115" s="188">
        <v>0.73299999999999998</v>
      </c>
      <c r="D115" s="94">
        <v>8.8096536902572076E-2</v>
      </c>
      <c r="E115" s="188">
        <v>4.5999999999999999E-2</v>
      </c>
      <c r="F115" s="94">
        <v>4.8102703697012583E-2</v>
      </c>
      <c r="G115" s="188">
        <v>0.222</v>
      </c>
      <c r="H115" s="94">
        <v>8.3282670989761373E-2</v>
      </c>
      <c r="I115" s="183">
        <v>99</v>
      </c>
      <c r="J115" s="188">
        <v>0.40899999999999997</v>
      </c>
      <c r="K115" s="94">
        <v>9.7013600377194975E-2</v>
      </c>
      <c r="L115" s="188">
        <v>9.7000000000000003E-2</v>
      </c>
      <c r="M115" s="94">
        <v>6.2305340688886955E-2</v>
      </c>
      <c r="N115" s="188">
        <v>0.49399999999999999</v>
      </c>
      <c r="O115" s="94">
        <v>9.8526373547327878E-2</v>
      </c>
    </row>
    <row r="116" spans="1:28">
      <c r="A116" s="49" t="s">
        <v>471</v>
      </c>
      <c r="B116" s="185">
        <v>80</v>
      </c>
      <c r="C116" s="189">
        <v>0.77</v>
      </c>
      <c r="D116" s="97">
        <v>9.3573895174427116E-2</v>
      </c>
      <c r="E116" s="189">
        <v>7.6999999999999999E-2</v>
      </c>
      <c r="F116" s="97">
        <v>6.4625707124796553E-2</v>
      </c>
      <c r="G116" s="189">
        <v>0.153</v>
      </c>
      <c r="H116" s="97">
        <v>8.1878390523282024E-2</v>
      </c>
      <c r="I116" s="185">
        <v>79</v>
      </c>
      <c r="J116" s="189">
        <v>0.61699999999999999</v>
      </c>
      <c r="K116" s="97">
        <v>0.10700717876900009</v>
      </c>
      <c r="L116" s="189">
        <v>0.158</v>
      </c>
      <c r="M116" s="97">
        <v>8.3316202625365196E-2</v>
      </c>
      <c r="N116" s="189">
        <v>0.22500000000000001</v>
      </c>
      <c r="O116" s="97">
        <v>9.3522373922006186E-2</v>
      </c>
    </row>
    <row r="117" spans="1:28">
      <c r="A117" s="57" t="s">
        <v>442</v>
      </c>
      <c r="B117" s="183">
        <v>102</v>
      </c>
      <c r="C117" s="188">
        <v>0.72799999999999998</v>
      </c>
      <c r="D117" s="94">
        <v>8.7278624722146633E-2</v>
      </c>
      <c r="E117" s="188">
        <v>0.128</v>
      </c>
      <c r="F117" s="94">
        <v>6.7813010785884031E-2</v>
      </c>
      <c r="G117" s="188">
        <v>0.14399999999999999</v>
      </c>
      <c r="H117" s="94">
        <v>7.075029429633059E-2</v>
      </c>
      <c r="I117" s="183">
        <v>102</v>
      </c>
      <c r="J117" s="188">
        <v>0.52500000000000002</v>
      </c>
      <c r="K117" s="94">
        <v>9.701610055346109E-2</v>
      </c>
      <c r="L117" s="188">
        <v>0.14499999999999999</v>
      </c>
      <c r="M117" s="94">
        <v>7.0925648518939677E-2</v>
      </c>
      <c r="N117" s="188">
        <v>0.33</v>
      </c>
      <c r="O117" s="94">
        <v>9.1783169139890319E-2</v>
      </c>
    </row>
    <row r="119" spans="1:28" ht="18.75">
      <c r="A119" s="320" t="s">
        <v>267</v>
      </c>
      <c r="B119" s="320"/>
      <c r="C119" s="320"/>
      <c r="D119" s="320"/>
      <c r="E119" s="320"/>
      <c r="F119" s="320"/>
      <c r="G119" s="320"/>
      <c r="H119" s="320"/>
      <c r="I119" s="320"/>
      <c r="J119" s="320"/>
      <c r="K119" s="320"/>
      <c r="L119" s="320"/>
      <c r="M119" s="330"/>
      <c r="N119" s="236"/>
      <c r="O119" s="236"/>
      <c r="P119" s="236"/>
      <c r="Q119" s="236"/>
      <c r="R119" s="236"/>
      <c r="S119" s="236"/>
      <c r="T119" s="236"/>
      <c r="U119" s="236"/>
      <c r="V119" s="236"/>
      <c r="W119" s="236"/>
      <c r="X119" s="236"/>
      <c r="Y119" s="236"/>
      <c r="Z119" s="236"/>
      <c r="AA119" s="236"/>
      <c r="AB119" s="266"/>
    </row>
    <row r="120" spans="1:28" ht="37.5" customHeight="1">
      <c r="A120" s="407" t="s">
        <v>498</v>
      </c>
      <c r="B120" s="407"/>
      <c r="C120" s="407"/>
      <c r="D120" s="407"/>
      <c r="E120" s="407"/>
      <c r="F120" s="407"/>
      <c r="G120" s="407"/>
      <c r="H120" s="407"/>
      <c r="I120" s="407"/>
      <c r="J120" s="407"/>
      <c r="K120" s="407"/>
      <c r="L120" s="407"/>
      <c r="M120" s="330"/>
      <c r="N120" s="262"/>
      <c r="O120" s="262"/>
      <c r="P120" s="262"/>
      <c r="Q120" s="262"/>
      <c r="R120" s="262"/>
      <c r="S120" s="262"/>
      <c r="T120" s="262"/>
      <c r="U120" s="262"/>
      <c r="V120" s="262"/>
      <c r="W120" s="262"/>
      <c r="X120" s="262"/>
      <c r="Y120" s="262"/>
      <c r="Z120" s="262"/>
      <c r="AA120" s="262"/>
      <c r="AB120" s="266"/>
    </row>
    <row r="121" spans="1:28" ht="38.25" customHeight="1">
      <c r="A121" s="419" t="s">
        <v>268</v>
      </c>
      <c r="B121" s="420"/>
      <c r="C121" s="420"/>
      <c r="D121" s="420"/>
      <c r="E121" s="420"/>
      <c r="F121" s="420"/>
      <c r="G121" s="420"/>
      <c r="H121" s="420"/>
      <c r="I121" s="420"/>
      <c r="J121" s="420"/>
      <c r="K121" s="420"/>
      <c r="L121" s="420"/>
      <c r="M121" s="257"/>
      <c r="N121" s="266"/>
      <c r="O121" s="266"/>
      <c r="P121" s="266"/>
      <c r="Q121" s="266"/>
      <c r="R121" s="266"/>
      <c r="S121" s="266"/>
      <c r="T121" s="266"/>
      <c r="U121" s="266"/>
      <c r="V121" s="266"/>
      <c r="W121" s="266"/>
      <c r="X121" s="266"/>
      <c r="Y121" s="266"/>
      <c r="Z121" s="266"/>
      <c r="AA121" s="266"/>
      <c r="AB121" s="266"/>
    </row>
    <row r="122" spans="1:28" ht="72">
      <c r="A122" s="37" t="s">
        <v>85</v>
      </c>
      <c r="B122" s="38" t="s">
        <v>86</v>
      </c>
      <c r="C122" s="39" t="s">
        <v>87</v>
      </c>
      <c r="D122" s="40" t="s">
        <v>88</v>
      </c>
      <c r="E122" s="38" t="s">
        <v>269</v>
      </c>
      <c r="F122" s="89" t="s">
        <v>323</v>
      </c>
      <c r="G122" s="38" t="s">
        <v>270</v>
      </c>
      <c r="H122" s="89" t="s">
        <v>324</v>
      </c>
      <c r="I122" s="38" t="s">
        <v>384</v>
      </c>
      <c r="J122" s="89" t="s">
        <v>325</v>
      </c>
      <c r="K122" s="38" t="s">
        <v>356</v>
      </c>
      <c r="L122" s="89" t="s">
        <v>355</v>
      </c>
      <c r="M122" s="257"/>
      <c r="N122" s="265"/>
      <c r="O122" s="257"/>
      <c r="P122" s="265"/>
      <c r="Q122" s="257"/>
    </row>
    <row r="123" spans="1:28" ht="72">
      <c r="A123" s="41"/>
      <c r="B123" s="42" t="s">
        <v>89</v>
      </c>
      <c r="C123" s="128" t="s">
        <v>359</v>
      </c>
      <c r="D123" s="44" t="s">
        <v>91</v>
      </c>
      <c r="E123" s="42" t="s">
        <v>182</v>
      </c>
      <c r="F123" s="91" t="s">
        <v>104</v>
      </c>
      <c r="G123" s="42" t="s">
        <v>183</v>
      </c>
      <c r="H123" s="91" t="s">
        <v>104</v>
      </c>
      <c r="I123" s="42" t="s">
        <v>184</v>
      </c>
      <c r="J123" s="91" t="s">
        <v>104</v>
      </c>
      <c r="K123" s="42" t="s">
        <v>356</v>
      </c>
      <c r="L123" s="91" t="s">
        <v>104</v>
      </c>
    </row>
    <row r="124" spans="1:28">
      <c r="A124" s="45" t="s">
        <v>430</v>
      </c>
      <c r="B124" s="183">
        <v>10998</v>
      </c>
      <c r="C124" s="184">
        <v>5.18</v>
      </c>
      <c r="D124" s="85">
        <v>1.9599999999999999E-2</v>
      </c>
      <c r="E124" s="188">
        <v>0.122</v>
      </c>
      <c r="F124" s="94">
        <v>6.2435533845204179E-3</v>
      </c>
      <c r="G124" s="188">
        <v>0.159</v>
      </c>
      <c r="H124" s="94">
        <v>6.9747391938981785E-3</v>
      </c>
      <c r="I124" s="188">
        <v>0.69599999999999995</v>
      </c>
      <c r="J124" s="94">
        <v>8.7713057149752891E-3</v>
      </c>
      <c r="K124" s="93">
        <v>2.1999999999999999E-2</v>
      </c>
      <c r="L124" s="94">
        <v>2.8076627800380362E-3</v>
      </c>
    </row>
    <row r="125" spans="1:28">
      <c r="A125" s="49" t="s">
        <v>431</v>
      </c>
      <c r="B125" s="185">
        <v>8704</v>
      </c>
      <c r="C125" s="186">
        <v>5.18</v>
      </c>
      <c r="D125" s="187">
        <v>3.0241232E-2</v>
      </c>
      <c r="E125" s="189">
        <v>0.13600000000000001</v>
      </c>
      <c r="F125" s="97">
        <v>7.350584723771033E-3</v>
      </c>
      <c r="G125" s="189">
        <v>0.14299999999999999</v>
      </c>
      <c r="H125" s="97">
        <v>7.5064834914501275E-3</v>
      </c>
      <c r="I125" s="189">
        <v>0.70899999999999996</v>
      </c>
      <c r="J125" s="97">
        <v>9.7360460509007974E-3</v>
      </c>
      <c r="K125" s="96">
        <v>1.2E-2</v>
      </c>
      <c r="L125" s="97">
        <v>2.3551009506040999E-3</v>
      </c>
    </row>
    <row r="126" spans="1:28">
      <c r="A126" s="45" t="s">
        <v>432</v>
      </c>
      <c r="B126" s="183">
        <v>1985</v>
      </c>
      <c r="C126" s="184">
        <v>5.1100000000000003</v>
      </c>
      <c r="D126" s="85">
        <v>5.8799999999999998E-2</v>
      </c>
      <c r="E126" s="188">
        <v>0.11020000000000001</v>
      </c>
      <c r="F126" s="94">
        <v>1.4086316035216383E-2</v>
      </c>
      <c r="G126" s="188">
        <v>0.18759999999999999</v>
      </c>
      <c r="H126" s="94">
        <v>1.7529598858582702E-2</v>
      </c>
      <c r="I126" s="188">
        <v>0.66069999999999995</v>
      </c>
      <c r="J126" s="94">
        <v>2.1237685032857008E-2</v>
      </c>
      <c r="K126" s="93">
        <v>4.1500000000000002E-2</v>
      </c>
      <c r="L126" s="94">
        <v>9.0384841972558465E-3</v>
      </c>
    </row>
    <row r="127" spans="1:28">
      <c r="A127" s="49" t="s">
        <v>433</v>
      </c>
      <c r="B127" s="185">
        <v>133</v>
      </c>
      <c r="C127" s="186">
        <v>5.25</v>
      </c>
      <c r="D127" s="187">
        <v>0.23519999999999999</v>
      </c>
      <c r="E127" s="189">
        <v>9.8000000000000004E-2</v>
      </c>
      <c r="F127" s="97">
        <v>5.3407937693302765E-2</v>
      </c>
      <c r="G127" s="189">
        <v>0.16</v>
      </c>
      <c r="H127" s="97">
        <v>6.4173992387617215E-2</v>
      </c>
      <c r="I127" s="189">
        <v>0.72199999999999998</v>
      </c>
      <c r="J127" s="97">
        <v>7.7091638465336079E-2</v>
      </c>
      <c r="K127" s="96">
        <v>0.02</v>
      </c>
      <c r="L127" s="97">
        <v>3.0973313508130741E-2</v>
      </c>
    </row>
    <row r="128" spans="1:28">
      <c r="A128" s="45" t="s">
        <v>434</v>
      </c>
      <c r="B128" s="183">
        <v>3072</v>
      </c>
      <c r="C128" s="184">
        <v>5.18</v>
      </c>
      <c r="D128" s="85">
        <v>5.8799999999999998E-2</v>
      </c>
      <c r="E128" s="188">
        <v>0.125</v>
      </c>
      <c r="F128" s="94">
        <v>1.1945938959966739E-2</v>
      </c>
      <c r="G128" s="188">
        <v>0.15</v>
      </c>
      <c r="H128" s="94">
        <v>1.2892391907204426E-2</v>
      </c>
      <c r="I128" s="188">
        <v>0.70499999999999996</v>
      </c>
      <c r="J128" s="94">
        <v>1.6449640480672326E-2</v>
      </c>
      <c r="K128" s="93">
        <v>2.1000000000000001E-2</v>
      </c>
      <c r="L128" s="94">
        <v>5.2450159176232677E-3</v>
      </c>
    </row>
    <row r="129" spans="1:12">
      <c r="A129" s="49" t="s">
        <v>435</v>
      </c>
      <c r="B129" s="185">
        <v>2481</v>
      </c>
      <c r="C129" s="186">
        <v>5.23</v>
      </c>
      <c r="D129" s="187">
        <v>5.8799999999999998E-2</v>
      </c>
      <c r="E129" s="189">
        <v>0.128</v>
      </c>
      <c r="F129" s="97">
        <v>1.3430566252849989E-2</v>
      </c>
      <c r="G129" s="189">
        <v>0.13600000000000001</v>
      </c>
      <c r="H129" s="97">
        <v>1.3777782434920264E-2</v>
      </c>
      <c r="I129" s="189">
        <v>0.72599999999999998</v>
      </c>
      <c r="J129" s="97">
        <v>1.7901509999631783E-2</v>
      </c>
      <c r="K129" s="96">
        <v>0.01</v>
      </c>
      <c r="L129" s="97">
        <v>4.1447327894179598E-3</v>
      </c>
    </row>
    <row r="130" spans="1:12">
      <c r="A130" s="45" t="s">
        <v>452</v>
      </c>
      <c r="B130" s="183">
        <v>93</v>
      </c>
      <c r="C130" s="184">
        <v>4.72</v>
      </c>
      <c r="D130" s="85">
        <v>0.31359999999999999</v>
      </c>
      <c r="E130" s="188">
        <v>0.24399999999999999</v>
      </c>
      <c r="F130" s="94">
        <v>8.8459341698075344E-2</v>
      </c>
      <c r="G130" s="188">
        <v>0.13300000000000001</v>
      </c>
      <c r="H130" s="94">
        <v>7.2136849486033341E-2</v>
      </c>
      <c r="I130" s="188">
        <v>0.60599999999999998</v>
      </c>
      <c r="J130" s="94">
        <v>9.9415108810398112E-2</v>
      </c>
      <c r="K130" s="93">
        <v>1.7999999999999999E-2</v>
      </c>
      <c r="L130" s="94">
        <v>3.8765313125761029E-2</v>
      </c>
    </row>
    <row r="131" spans="1:12">
      <c r="A131" s="49" t="s">
        <v>172</v>
      </c>
      <c r="B131" s="185">
        <v>245</v>
      </c>
      <c r="C131" s="186">
        <v>5.09</v>
      </c>
      <c r="D131" s="187">
        <v>0.1764</v>
      </c>
      <c r="E131" s="189">
        <v>0.14000000000000001</v>
      </c>
      <c r="F131" s="97">
        <v>4.4726821113341295E-2</v>
      </c>
      <c r="G131" s="189">
        <v>0.16800000000000001</v>
      </c>
      <c r="H131" s="97">
        <v>4.797738571852115E-2</v>
      </c>
      <c r="I131" s="189">
        <v>0.67500000000000004</v>
      </c>
      <c r="J131" s="97">
        <v>5.9496013520347814E-2</v>
      </c>
      <c r="K131" s="96">
        <v>1.7000000000000001E-2</v>
      </c>
      <c r="L131" s="97">
        <v>1.9694871725131749E-2</v>
      </c>
    </row>
    <row r="132" spans="1:12" ht="24.75" customHeight="1">
      <c r="A132" s="45" t="s">
        <v>436</v>
      </c>
      <c r="B132" s="183">
        <v>97</v>
      </c>
      <c r="C132" s="184">
        <v>5.13</v>
      </c>
      <c r="D132" s="85">
        <v>0.31359999999999999</v>
      </c>
      <c r="E132" s="188">
        <v>0.22700000000000001</v>
      </c>
      <c r="F132" s="94">
        <v>8.4726091076272519E-2</v>
      </c>
      <c r="G132" s="188">
        <v>5.7000000000000002E-2</v>
      </c>
      <c r="H132" s="94">
        <v>5.2270304257651987E-2</v>
      </c>
      <c r="I132" s="188">
        <v>0.70099999999999996</v>
      </c>
      <c r="J132" s="94">
        <v>9.1788761214322626E-2</v>
      </c>
      <c r="K132" s="93">
        <v>1.4999999999999999E-2</v>
      </c>
      <c r="L132" s="94">
        <v>3.6172162014981919E-2</v>
      </c>
    </row>
    <row r="133" spans="1:12" ht="32.25" customHeight="1">
      <c r="A133" s="49" t="s">
        <v>437</v>
      </c>
      <c r="B133" s="185">
        <v>115</v>
      </c>
      <c r="C133" s="186">
        <v>4.8099999999999996</v>
      </c>
      <c r="D133" s="187">
        <v>0.25480000000000003</v>
      </c>
      <c r="E133" s="189">
        <v>0.13</v>
      </c>
      <c r="F133" s="97">
        <v>6.4076813935474666E-2</v>
      </c>
      <c r="G133" s="189">
        <v>0.20899999999999999</v>
      </c>
      <c r="H133" s="97">
        <v>7.5796313151128447E-2</v>
      </c>
      <c r="I133" s="189">
        <v>0.64700000000000002</v>
      </c>
      <c r="J133" s="97">
        <v>8.7892082540802899E-2</v>
      </c>
      <c r="K133" s="96">
        <v>1.4E-2</v>
      </c>
      <c r="L133" s="97">
        <v>3.1444684471604686E-2</v>
      </c>
    </row>
    <row r="134" spans="1:12">
      <c r="A134" s="45" t="s">
        <v>453</v>
      </c>
      <c r="B134" s="183">
        <v>539</v>
      </c>
      <c r="C134" s="184">
        <v>5.4</v>
      </c>
      <c r="D134" s="85">
        <v>0.1176</v>
      </c>
      <c r="E134" s="188">
        <v>0.111</v>
      </c>
      <c r="F134" s="94">
        <v>2.7263153252368541E-2</v>
      </c>
      <c r="G134" s="188">
        <v>0.108</v>
      </c>
      <c r="H134" s="94">
        <v>2.6949456511199336E-2</v>
      </c>
      <c r="I134" s="188">
        <v>0.77300000000000002</v>
      </c>
      <c r="J134" s="94">
        <v>3.6064704367683331E-2</v>
      </c>
      <c r="K134" s="93">
        <v>8.0000000000000002E-3</v>
      </c>
      <c r="L134" s="94">
        <v>9.1997216802396659E-3</v>
      </c>
    </row>
    <row r="135" spans="1:12">
      <c r="A135" s="49" t="s">
        <v>438</v>
      </c>
      <c r="B135" s="185">
        <v>81</v>
      </c>
      <c r="C135" s="186">
        <v>5.18</v>
      </c>
      <c r="D135" s="187">
        <v>0.29399999999999998</v>
      </c>
      <c r="E135" s="189">
        <v>0.111</v>
      </c>
      <c r="F135" s="97">
        <v>7.2788451295313888E-2</v>
      </c>
      <c r="G135" s="189">
        <v>0.20899999999999999</v>
      </c>
      <c r="H135" s="97">
        <v>9.0254919399888209E-2</v>
      </c>
      <c r="I135" s="189">
        <v>0.68100000000000005</v>
      </c>
      <c r="J135" s="97">
        <v>0.10180716210189339</v>
      </c>
      <c r="K135" s="96">
        <v>0</v>
      </c>
      <c r="L135" s="97">
        <v>3.2881805121991139E-2</v>
      </c>
    </row>
    <row r="136" spans="1:12">
      <c r="A136" s="45" t="s">
        <v>439</v>
      </c>
      <c r="B136" s="183">
        <v>80</v>
      </c>
      <c r="C136" s="184">
        <v>5.6</v>
      </c>
      <c r="D136" s="85">
        <v>0.27440000000000003</v>
      </c>
      <c r="E136" s="188">
        <v>7.3999999999999996E-2</v>
      </c>
      <c r="F136" s="94">
        <v>6.3768897616369349E-2</v>
      </c>
      <c r="G136" s="188">
        <v>8.7999999999999995E-2</v>
      </c>
      <c r="H136" s="94">
        <v>6.7625434848920279E-2</v>
      </c>
      <c r="I136" s="188">
        <v>0.82299999999999995</v>
      </c>
      <c r="J136" s="94">
        <v>8.6015093233120343E-2</v>
      </c>
      <c r="K136" s="93">
        <v>1.4E-2</v>
      </c>
      <c r="L136" s="94">
        <v>4.1267573633845721E-2</v>
      </c>
    </row>
    <row r="137" spans="1:12">
      <c r="A137" s="49" t="s">
        <v>440</v>
      </c>
      <c r="B137" s="185">
        <v>79</v>
      </c>
      <c r="C137" s="186">
        <v>5.49</v>
      </c>
      <c r="D137" s="187">
        <v>0.27440000000000003</v>
      </c>
      <c r="E137" s="189">
        <v>0.107</v>
      </c>
      <c r="F137" s="97">
        <v>7.2835492516516206E-2</v>
      </c>
      <c r="G137" s="189">
        <v>5.2999999999999999E-2</v>
      </c>
      <c r="H137" s="97">
        <v>5.7659421225806758E-2</v>
      </c>
      <c r="I137" s="189">
        <v>0.84</v>
      </c>
      <c r="J137" s="97">
        <v>8.367282315123703E-2</v>
      </c>
      <c r="K137" s="96">
        <v>0</v>
      </c>
      <c r="L137" s="97">
        <v>3.3664360151118053E-2</v>
      </c>
    </row>
    <row r="138" spans="1:12">
      <c r="A138" s="57" t="s">
        <v>441</v>
      </c>
      <c r="B138" s="183">
        <v>74</v>
      </c>
      <c r="C138" s="184">
        <v>5.96</v>
      </c>
      <c r="D138" s="85">
        <v>0.27440000000000003</v>
      </c>
      <c r="E138" s="188">
        <v>0.08</v>
      </c>
      <c r="F138" s="94">
        <v>6.839868133639071E-2</v>
      </c>
      <c r="G138" s="188">
        <v>4.2999999999999997E-2</v>
      </c>
      <c r="H138" s="94">
        <v>5.6397021637937292E-2</v>
      </c>
      <c r="I138" s="188">
        <v>0.86699999999999999</v>
      </c>
      <c r="J138" s="94">
        <v>8.126280402699447E-2</v>
      </c>
      <c r="K138" s="93">
        <v>0.01</v>
      </c>
      <c r="L138" s="94">
        <v>4.1691304100173236E-2</v>
      </c>
    </row>
    <row r="139" spans="1:12">
      <c r="A139" s="49" t="s">
        <v>442</v>
      </c>
      <c r="B139" s="185">
        <v>113</v>
      </c>
      <c r="C139" s="186">
        <v>4.9000000000000004</v>
      </c>
      <c r="D139" s="187">
        <v>0.27440000000000003</v>
      </c>
      <c r="E139" s="189">
        <v>0.17599999999999999</v>
      </c>
      <c r="F139" s="97">
        <v>7.2106082327939289E-2</v>
      </c>
      <c r="G139" s="189">
        <v>0.221</v>
      </c>
      <c r="H139" s="97">
        <v>7.787574571454367E-2</v>
      </c>
      <c r="I139" s="189">
        <v>0.60299999999999998</v>
      </c>
      <c r="J139" s="97">
        <v>9.0601787058125133E-2</v>
      </c>
      <c r="K139" s="96">
        <v>0</v>
      </c>
      <c r="L139" s="97">
        <v>2.3967079753657358E-2</v>
      </c>
    </row>
    <row r="140" spans="1:12">
      <c r="A140" s="57" t="s">
        <v>443</v>
      </c>
      <c r="B140" s="183">
        <v>168</v>
      </c>
      <c r="C140" s="184">
        <v>5.21</v>
      </c>
      <c r="D140" s="85">
        <v>0.19600000000000001</v>
      </c>
      <c r="E140" s="188">
        <v>0.13300000000000001</v>
      </c>
      <c r="F140" s="94">
        <v>5.3156801925569749E-2</v>
      </c>
      <c r="G140" s="188">
        <v>0.122</v>
      </c>
      <c r="H140" s="94">
        <v>5.1418142458342968E-2</v>
      </c>
      <c r="I140" s="188">
        <v>0.73099999999999998</v>
      </c>
      <c r="J140" s="94">
        <v>6.8044453252625162E-2</v>
      </c>
      <c r="K140" s="93">
        <v>1.2999999999999999E-2</v>
      </c>
      <c r="L140" s="94">
        <v>2.3493614909472393E-2</v>
      </c>
    </row>
    <row r="141" spans="1:12">
      <c r="A141" s="49" t="s">
        <v>455</v>
      </c>
      <c r="B141" s="185">
        <v>150</v>
      </c>
      <c r="C141" s="186">
        <v>5.29</v>
      </c>
      <c r="D141" s="187">
        <v>0.21559999999999999</v>
      </c>
      <c r="E141" s="189">
        <v>0.10199999999999999</v>
      </c>
      <c r="F141" s="97">
        <v>5.0892785689891119E-2</v>
      </c>
      <c r="G141" s="189">
        <v>0.16600000000000001</v>
      </c>
      <c r="H141" s="97">
        <v>6.1192448312816693E-2</v>
      </c>
      <c r="I141" s="189">
        <v>0.71799999999999997</v>
      </c>
      <c r="J141" s="97">
        <v>7.2954836972881104E-2</v>
      </c>
      <c r="K141" s="96">
        <v>1.2999999999999999E-2</v>
      </c>
      <c r="L141" s="97">
        <v>2.5478007557635723E-2</v>
      </c>
    </row>
    <row r="142" spans="1:12">
      <c r="A142" s="57" t="s">
        <v>444</v>
      </c>
      <c r="B142" s="183">
        <v>89</v>
      </c>
      <c r="C142" s="184">
        <v>5.19</v>
      </c>
      <c r="D142" s="85">
        <v>0.27440000000000003</v>
      </c>
      <c r="E142" s="188">
        <v>0.108</v>
      </c>
      <c r="F142" s="94">
        <v>6.8555022011752634E-2</v>
      </c>
      <c r="G142" s="188">
        <v>0.14599999999999999</v>
      </c>
      <c r="H142" s="94">
        <v>7.6265536625672009E-2</v>
      </c>
      <c r="I142" s="188">
        <v>0.73599999999999999</v>
      </c>
      <c r="J142" s="94">
        <v>9.2513764241641316E-2</v>
      </c>
      <c r="K142" s="93">
        <v>0.01</v>
      </c>
      <c r="L142" s="94">
        <v>3.5986614288692549E-2</v>
      </c>
    </row>
    <row r="143" spans="1:12">
      <c r="A143" s="49" t="s">
        <v>454</v>
      </c>
      <c r="B143" s="185">
        <v>259</v>
      </c>
      <c r="C143" s="186">
        <v>5.16</v>
      </c>
      <c r="D143" s="187">
        <v>0.1764</v>
      </c>
      <c r="E143" s="189">
        <v>0.13300000000000001</v>
      </c>
      <c r="F143" s="97">
        <v>4.2610062875433237E-2</v>
      </c>
      <c r="G143" s="189">
        <v>0.16600000000000001</v>
      </c>
      <c r="H143" s="97">
        <v>4.6441677484541706E-2</v>
      </c>
      <c r="I143" s="189">
        <v>0.68899999999999995</v>
      </c>
      <c r="J143" s="97">
        <v>5.7231078192050741E-2</v>
      </c>
      <c r="K143" s="96">
        <v>1.2E-2</v>
      </c>
      <c r="L143" s="97">
        <v>1.7019263110048206E-2</v>
      </c>
    </row>
    <row r="144" spans="1:12" ht="25.5">
      <c r="A144" s="57" t="s">
        <v>445</v>
      </c>
      <c r="B144" s="183">
        <v>112</v>
      </c>
      <c r="C144" s="184">
        <v>5.42</v>
      </c>
      <c r="D144" s="85">
        <v>0.25480000000000003</v>
      </c>
      <c r="E144" s="188">
        <v>8.4000000000000005E-2</v>
      </c>
      <c r="F144" s="94">
        <v>5.5296418314279616E-2</v>
      </c>
      <c r="G144" s="188">
        <v>0.122</v>
      </c>
      <c r="H144" s="94">
        <v>6.346331311236178E-2</v>
      </c>
      <c r="I144" s="188">
        <v>0.78200000000000003</v>
      </c>
      <c r="J144" s="94">
        <v>7.7873871262003472E-2</v>
      </c>
      <c r="K144" s="93">
        <v>1.2E-2</v>
      </c>
      <c r="L144" s="94">
        <v>3.107086254553397E-2</v>
      </c>
    </row>
    <row r="145" spans="1:15">
      <c r="A145" s="49" t="s">
        <v>471</v>
      </c>
      <c r="B145" s="185">
        <v>91</v>
      </c>
      <c r="C145" s="186">
        <v>5.16</v>
      </c>
      <c r="D145" s="187">
        <v>0.25480000000000003</v>
      </c>
      <c r="E145" s="189">
        <v>0.123</v>
      </c>
      <c r="F145" s="97">
        <v>7.095967247426975E-2</v>
      </c>
      <c r="G145" s="189">
        <v>0.14899999999999999</v>
      </c>
      <c r="H145" s="97">
        <v>7.5937759491036094E-2</v>
      </c>
      <c r="I145" s="189">
        <v>0.70899999999999996</v>
      </c>
      <c r="J145" s="97">
        <v>9.4014547586502475E-2</v>
      </c>
      <c r="K145" s="96">
        <v>1.7999999999999999E-2</v>
      </c>
      <c r="L145" s="97">
        <v>3.9378460568290204E-2</v>
      </c>
    </row>
    <row r="146" spans="1:15">
      <c r="A146" s="57" t="s">
        <v>442</v>
      </c>
      <c r="B146" s="183">
        <v>113</v>
      </c>
      <c r="C146" s="184">
        <v>4.9000000000000004</v>
      </c>
      <c r="D146" s="85">
        <v>0.27440000000000003</v>
      </c>
      <c r="E146" s="188">
        <v>0.17599999999999999</v>
      </c>
      <c r="F146" s="94">
        <v>7.2106082327939289E-2</v>
      </c>
      <c r="G146" s="188">
        <v>0.221</v>
      </c>
      <c r="H146" s="94">
        <v>7.787574571454367E-2</v>
      </c>
      <c r="I146" s="188">
        <v>0.60299999999999998</v>
      </c>
      <c r="J146" s="94">
        <v>9.0601787058125133E-2</v>
      </c>
      <c r="K146" s="93">
        <v>0</v>
      </c>
      <c r="L146" s="94">
        <v>2.3967079753657358E-2</v>
      </c>
    </row>
    <row r="147" spans="1:15" s="258" customFormat="1">
      <c r="A147" s="251"/>
      <c r="B147" s="264"/>
      <c r="C147" s="265"/>
      <c r="D147" s="257"/>
      <c r="E147" s="265"/>
      <c r="F147" s="257"/>
      <c r="G147" s="265"/>
      <c r="H147" s="257"/>
      <c r="I147"/>
      <c r="J147"/>
      <c r="K147"/>
      <c r="L147"/>
      <c r="M147"/>
      <c r="N147"/>
      <c r="O147"/>
    </row>
    <row r="148" spans="1:15" ht="18.75">
      <c r="A148" s="368" t="s">
        <v>30</v>
      </c>
      <c r="B148" s="368"/>
      <c r="C148" s="368"/>
      <c r="D148" s="368"/>
      <c r="E148" s="368"/>
      <c r="F148" s="368"/>
      <c r="G148" s="368"/>
      <c r="H148" s="368"/>
      <c r="I148" s="368"/>
      <c r="J148" s="368"/>
    </row>
    <row r="149" spans="1:15" ht="38.25" customHeight="1">
      <c r="A149" s="407" t="s">
        <v>385</v>
      </c>
      <c r="B149" s="407"/>
      <c r="C149" s="407"/>
      <c r="D149" s="407"/>
      <c r="E149" s="407"/>
      <c r="F149" s="407"/>
      <c r="G149" s="407"/>
      <c r="H149" s="407"/>
      <c r="I149" s="407"/>
      <c r="J149" s="407"/>
    </row>
    <row r="150" spans="1:15" ht="36" customHeight="1">
      <c r="A150" s="334" t="s">
        <v>245</v>
      </c>
      <c r="B150" s="335"/>
      <c r="C150" s="335"/>
      <c r="D150" s="335"/>
      <c r="E150" s="335"/>
      <c r="F150" s="335"/>
      <c r="G150" s="335"/>
      <c r="H150" s="335"/>
      <c r="I150" s="335"/>
      <c r="J150" s="335"/>
    </row>
    <row r="151" spans="1:15" ht="37.5" customHeight="1">
      <c r="A151" s="110" t="s">
        <v>85</v>
      </c>
      <c r="B151" s="38" t="s">
        <v>86</v>
      </c>
      <c r="C151" s="39" t="s">
        <v>87</v>
      </c>
      <c r="D151" s="40" t="s">
        <v>88</v>
      </c>
      <c r="E151" s="38" t="s">
        <v>244</v>
      </c>
      <c r="F151" s="89" t="s">
        <v>157</v>
      </c>
      <c r="G151" s="38" t="s">
        <v>158</v>
      </c>
      <c r="H151" s="89" t="s">
        <v>159</v>
      </c>
      <c r="I151" s="38" t="s">
        <v>386</v>
      </c>
      <c r="J151" s="89" t="s">
        <v>387</v>
      </c>
    </row>
    <row r="152" spans="1:15" ht="72">
      <c r="A152" s="111"/>
      <c r="B152" s="42" t="s">
        <v>89</v>
      </c>
      <c r="C152" s="128" t="s">
        <v>361</v>
      </c>
      <c r="D152" s="44" t="s">
        <v>91</v>
      </c>
      <c r="E152" s="42" t="s">
        <v>206</v>
      </c>
      <c r="F152" s="91" t="s">
        <v>104</v>
      </c>
      <c r="G152" s="42" t="s">
        <v>207</v>
      </c>
      <c r="H152" s="91" t="s">
        <v>104</v>
      </c>
      <c r="I152" s="42" t="s">
        <v>208</v>
      </c>
      <c r="J152" s="91" t="s">
        <v>104</v>
      </c>
    </row>
    <row r="153" spans="1:15">
      <c r="A153" s="45" t="s">
        <v>430</v>
      </c>
      <c r="B153" s="190">
        <v>8594</v>
      </c>
      <c r="C153" s="184">
        <v>3.51</v>
      </c>
      <c r="D153" s="85">
        <v>3.9199999999999999E-2</v>
      </c>
      <c r="E153" s="191">
        <v>0.52400000000000002</v>
      </c>
      <c r="F153" s="94">
        <v>1.0772112034339211E-2</v>
      </c>
      <c r="G153" s="191">
        <v>8.8999999999999996E-2</v>
      </c>
      <c r="H153" s="94">
        <v>6.1476042724389751E-3</v>
      </c>
      <c r="I153" s="191">
        <v>0.38700000000000001</v>
      </c>
      <c r="J153" s="94">
        <v>1.0505769483237995E-2</v>
      </c>
    </row>
    <row r="154" spans="1:15">
      <c r="A154" s="49" t="s">
        <v>431</v>
      </c>
      <c r="B154" s="49">
        <v>7992</v>
      </c>
      <c r="C154" s="186">
        <v>3.5379999999999998</v>
      </c>
      <c r="D154" s="187">
        <v>4.8744808000000001E-2</v>
      </c>
      <c r="E154" s="193">
        <v>0.51670000000000005</v>
      </c>
      <c r="F154" s="97">
        <v>1.1176902793613721E-2</v>
      </c>
      <c r="G154" s="193">
        <v>9.0499999999999997E-2</v>
      </c>
      <c r="H154" s="97">
        <v>6.4233457614908005E-3</v>
      </c>
      <c r="I154" s="193">
        <v>0.39279999999999998</v>
      </c>
      <c r="J154" s="97">
        <v>1.0923345966325047E-2</v>
      </c>
    </row>
    <row r="155" spans="1:15">
      <c r="A155" s="45" t="s">
        <v>432</v>
      </c>
      <c r="B155" s="53">
        <v>774</v>
      </c>
      <c r="C155" s="184">
        <v>2.84</v>
      </c>
      <c r="D155" s="85">
        <v>0.15679999999999999</v>
      </c>
      <c r="E155" s="191">
        <v>0.66269999999999996</v>
      </c>
      <c r="F155" s="94">
        <v>3.392114010610444E-2</v>
      </c>
      <c r="G155" s="191">
        <v>9.1899999999999996E-2</v>
      </c>
      <c r="H155" s="94">
        <v>2.0924953285398413E-2</v>
      </c>
      <c r="I155" s="191">
        <v>0.24540000000000001</v>
      </c>
      <c r="J155" s="94">
        <v>3.0911073050025682E-2</v>
      </c>
    </row>
    <row r="156" spans="1:15">
      <c r="A156" s="49" t="s">
        <v>433</v>
      </c>
      <c r="B156" s="49">
        <v>104</v>
      </c>
      <c r="C156" s="186">
        <v>2.5</v>
      </c>
      <c r="D156" s="187">
        <v>0.3528</v>
      </c>
      <c r="E156" s="193">
        <v>0.73699999999999999</v>
      </c>
      <c r="F156" s="97">
        <v>8.5616417879497211E-2</v>
      </c>
      <c r="G156" s="193">
        <v>0.11899999999999999</v>
      </c>
      <c r="H156" s="97">
        <v>6.5374290792803963E-2</v>
      </c>
      <c r="I156" s="193">
        <v>0.14399999999999999</v>
      </c>
      <c r="J156" s="97">
        <v>7.0047074844015567E-2</v>
      </c>
    </row>
    <row r="157" spans="1:15">
      <c r="A157" s="45" t="s">
        <v>434</v>
      </c>
      <c r="B157" s="53">
        <v>2284</v>
      </c>
      <c r="C157" s="184">
        <v>3.66</v>
      </c>
      <c r="D157" s="85">
        <v>9.8000000000000004E-2</v>
      </c>
      <c r="E157" s="191">
        <v>0.495</v>
      </c>
      <c r="F157" s="94">
        <v>2.0905008573422215E-2</v>
      </c>
      <c r="G157" s="191">
        <v>8.8999999999999996E-2</v>
      </c>
      <c r="H157" s="94">
        <v>1.1948982209316792E-2</v>
      </c>
      <c r="I157" s="191">
        <v>0.41599999999999998</v>
      </c>
      <c r="J157" s="94">
        <v>2.0609957950423499E-2</v>
      </c>
    </row>
    <row r="158" spans="1:15">
      <c r="A158" s="49" t="s">
        <v>435</v>
      </c>
      <c r="B158" s="49">
        <v>2226</v>
      </c>
      <c r="C158" s="186">
        <v>3.65</v>
      </c>
      <c r="D158" s="187">
        <v>9.8000000000000004E-2</v>
      </c>
      <c r="E158" s="193">
        <v>0.49299999999999999</v>
      </c>
      <c r="F158" s="97">
        <v>2.1174109566237897E-2</v>
      </c>
      <c r="G158" s="193">
        <v>9.0999999999999998E-2</v>
      </c>
      <c r="H158" s="97">
        <v>1.2224988963060839E-2</v>
      </c>
      <c r="I158" s="193">
        <v>0.41499999999999998</v>
      </c>
      <c r="J158" s="97">
        <v>2.0869051303488987E-2</v>
      </c>
    </row>
    <row r="159" spans="1:15">
      <c r="A159" s="45" t="s">
        <v>452</v>
      </c>
      <c r="B159" s="53">
        <v>45</v>
      </c>
      <c r="C159" s="184">
        <v>3.45</v>
      </c>
      <c r="D159" s="85">
        <v>0.62719999999999998</v>
      </c>
      <c r="E159" s="191">
        <v>0.57099999999999995</v>
      </c>
      <c r="F159" s="94">
        <v>0.14163719900475885</v>
      </c>
      <c r="G159" s="191">
        <v>0.13800000000000001</v>
      </c>
      <c r="H159" s="94">
        <v>0.10670488616792542</v>
      </c>
      <c r="I159" s="191">
        <v>0.28999999999999998</v>
      </c>
      <c r="J159" s="94">
        <v>0.13180261136708182</v>
      </c>
    </row>
    <row r="160" spans="1:15">
      <c r="A160" s="49" t="s">
        <v>172</v>
      </c>
      <c r="B160" s="49">
        <v>209</v>
      </c>
      <c r="C160" s="186">
        <v>3.96</v>
      </c>
      <c r="D160" s="187">
        <v>0.29399999999999998</v>
      </c>
      <c r="E160" s="193">
        <v>0.42</v>
      </c>
      <c r="F160" s="97">
        <v>6.7669192377168411E-2</v>
      </c>
      <c r="G160" s="193">
        <v>5.7000000000000002E-2</v>
      </c>
      <c r="H160" s="97">
        <v>3.3860427290871249E-2</v>
      </c>
      <c r="I160" s="193">
        <v>0.52300000000000002</v>
      </c>
      <c r="J160" s="97">
        <v>6.8449039607592854E-2</v>
      </c>
    </row>
    <row r="161" spans="1:10">
      <c r="A161" s="45" t="s">
        <v>436</v>
      </c>
      <c r="B161" s="53">
        <v>83</v>
      </c>
      <c r="C161" s="184">
        <v>3.82</v>
      </c>
      <c r="D161" s="85">
        <v>0.50960000000000005</v>
      </c>
      <c r="E161" s="191">
        <v>0.46300000000000002</v>
      </c>
      <c r="F161" s="94">
        <v>0.10694374741076573</v>
      </c>
      <c r="G161" s="191">
        <v>5.8000000000000003E-2</v>
      </c>
      <c r="H161" s="94">
        <v>5.7610475022737723E-2</v>
      </c>
      <c r="I161" s="191">
        <v>0.47899999999999998</v>
      </c>
      <c r="J161" s="94">
        <v>0.10712515389827211</v>
      </c>
    </row>
    <row r="162" spans="1:10">
      <c r="A162" s="49" t="s">
        <v>437</v>
      </c>
      <c r="B162" s="49">
        <v>102</v>
      </c>
      <c r="C162" s="186">
        <v>4.18</v>
      </c>
      <c r="D162" s="187">
        <v>0.39200000000000002</v>
      </c>
      <c r="E162" s="193">
        <v>0.375</v>
      </c>
      <c r="F162" s="97">
        <v>9.4276189068922323E-2</v>
      </c>
      <c r="G162" s="193">
        <v>6.5000000000000002E-2</v>
      </c>
      <c r="H162" s="97">
        <v>5.3123805825705694E-2</v>
      </c>
      <c r="I162" s="193">
        <v>0.55900000000000005</v>
      </c>
      <c r="J162" s="97">
        <v>9.650041745084402E-2</v>
      </c>
    </row>
    <row r="163" spans="1:10">
      <c r="A163" s="45" t="s">
        <v>453</v>
      </c>
      <c r="B163" s="190">
        <v>473</v>
      </c>
      <c r="C163" s="184">
        <v>3.72</v>
      </c>
      <c r="D163" s="85">
        <v>0.19600000000000001</v>
      </c>
      <c r="E163" s="191">
        <v>0.48</v>
      </c>
      <c r="F163" s="94">
        <v>4.5750822743364991E-2</v>
      </c>
      <c r="G163" s="191">
        <v>9.8000000000000004E-2</v>
      </c>
      <c r="H163" s="94">
        <v>2.7638725834343156E-2</v>
      </c>
      <c r="I163" s="191">
        <v>0.42199999999999999</v>
      </c>
      <c r="J163" s="94">
        <v>4.5235707858372005E-2</v>
      </c>
    </row>
    <row r="164" spans="1:10">
      <c r="A164" s="49" t="s">
        <v>438</v>
      </c>
      <c r="B164" s="192">
        <v>66</v>
      </c>
      <c r="C164" s="186">
        <v>4.29</v>
      </c>
      <c r="D164" s="187">
        <v>0.47039999999999998</v>
      </c>
      <c r="E164" s="193">
        <v>0.40899999999999997</v>
      </c>
      <c r="F164" s="97">
        <v>0.11774994328175764</v>
      </c>
      <c r="G164" s="193">
        <v>5.8999999999999997E-2</v>
      </c>
      <c r="H164" s="97">
        <v>6.6380014203932539E-2</v>
      </c>
      <c r="I164" s="193">
        <v>0.53300000000000003</v>
      </c>
      <c r="J164" s="97">
        <v>0.11929121659068254</v>
      </c>
    </row>
    <row r="165" spans="1:10">
      <c r="A165" s="45" t="s">
        <v>439</v>
      </c>
      <c r="B165" s="54">
        <v>72</v>
      </c>
      <c r="C165" s="184">
        <v>3.7</v>
      </c>
      <c r="D165" s="85">
        <v>0.5292</v>
      </c>
      <c r="E165" s="191">
        <v>0.47399999999999998</v>
      </c>
      <c r="F165" s="94">
        <v>0.114568592490208</v>
      </c>
      <c r="G165" s="191">
        <v>0.10100000000000001</v>
      </c>
      <c r="H165" s="94">
        <v>7.508451378630826E-2</v>
      </c>
      <c r="I165" s="191">
        <v>0.42499999999999999</v>
      </c>
      <c r="J165" s="94">
        <v>0.1135437600653335</v>
      </c>
    </row>
    <row r="166" spans="1:10">
      <c r="A166" s="49" t="s">
        <v>440</v>
      </c>
      <c r="B166" s="192">
        <v>75</v>
      </c>
      <c r="C166" s="186">
        <v>4.18</v>
      </c>
      <c r="D166" s="187">
        <v>0.47039999999999998</v>
      </c>
      <c r="E166" s="193">
        <v>0.32500000000000001</v>
      </c>
      <c r="F166" s="97">
        <v>0.1061161896675932</v>
      </c>
      <c r="G166" s="193">
        <v>0.21</v>
      </c>
      <c r="H166" s="97">
        <v>9.3916431806068124E-2</v>
      </c>
      <c r="I166" s="193">
        <v>0.46600000000000003</v>
      </c>
      <c r="J166" s="97">
        <v>0.11227409942050004</v>
      </c>
    </row>
    <row r="167" spans="1:10">
      <c r="A167" s="57" t="s">
        <v>441</v>
      </c>
      <c r="B167" s="190">
        <v>58</v>
      </c>
      <c r="C167" s="184">
        <v>4.2699999999999996</v>
      </c>
      <c r="D167" s="85">
        <v>0.58799999999999997</v>
      </c>
      <c r="E167" s="191">
        <v>0.36099999999999999</v>
      </c>
      <c r="F167" s="94">
        <v>0.12263021041842542</v>
      </c>
      <c r="G167" s="191">
        <v>8.3000000000000004E-2</v>
      </c>
      <c r="H167" s="94">
        <v>7.9443429563995596E-2</v>
      </c>
      <c r="I167" s="191">
        <v>0.55500000000000005</v>
      </c>
      <c r="J167" s="94">
        <v>0.1263259306074917</v>
      </c>
    </row>
    <row r="168" spans="1:10">
      <c r="A168" s="49" t="s">
        <v>442</v>
      </c>
      <c r="B168" s="192">
        <v>102</v>
      </c>
      <c r="C168" s="186">
        <v>3.59</v>
      </c>
      <c r="D168" s="187">
        <v>0.43119999999999997</v>
      </c>
      <c r="E168" s="193">
        <v>0.52300000000000002</v>
      </c>
      <c r="F168" s="97">
        <v>9.7033386830632729E-2</v>
      </c>
      <c r="G168" s="193">
        <v>4.3999999999999997E-2</v>
      </c>
      <c r="H168" s="97">
        <v>4.6565508062345905E-2</v>
      </c>
      <c r="I168" s="193">
        <v>0.433</v>
      </c>
      <c r="J168" s="97">
        <v>9.6317752462024508E-2</v>
      </c>
    </row>
    <row r="169" spans="1:10">
      <c r="A169" s="57" t="s">
        <v>443</v>
      </c>
      <c r="B169" s="190">
        <v>148</v>
      </c>
      <c r="C169" s="184">
        <v>3.21</v>
      </c>
      <c r="D169" s="85">
        <v>0.3528</v>
      </c>
      <c r="E169" s="191">
        <v>0.60099999999999998</v>
      </c>
      <c r="F169" s="94">
        <v>7.9526366090023712E-2</v>
      </c>
      <c r="G169" s="191">
        <v>6.0999999999999999E-2</v>
      </c>
      <c r="H169" s="94">
        <v>4.2080357722462922E-2</v>
      </c>
      <c r="I169" s="191">
        <v>0.33800000000000002</v>
      </c>
      <c r="J169" s="94">
        <v>7.6968737440780949E-2</v>
      </c>
    </row>
    <row r="170" spans="1:10">
      <c r="A170" s="49" t="s">
        <v>455</v>
      </c>
      <c r="B170" s="192">
        <v>126</v>
      </c>
      <c r="C170" s="186">
        <v>4.21</v>
      </c>
      <c r="D170" s="187">
        <v>0.37240000000000001</v>
      </c>
      <c r="E170" s="193">
        <v>0.36</v>
      </c>
      <c r="F170" s="97">
        <v>8.4414289281292451E-2</v>
      </c>
      <c r="G170" s="193">
        <v>0.10299999999999999</v>
      </c>
      <c r="H170" s="97">
        <v>5.6005713929181737E-2</v>
      </c>
      <c r="I170" s="193">
        <v>0.53700000000000003</v>
      </c>
      <c r="J170" s="97">
        <v>8.7479922981776731E-2</v>
      </c>
    </row>
    <row r="171" spans="1:10">
      <c r="A171" s="57" t="s">
        <v>444</v>
      </c>
      <c r="B171" s="190">
        <v>78</v>
      </c>
      <c r="C171" s="184">
        <v>4.33</v>
      </c>
      <c r="D171" s="85">
        <v>0.47039999999999998</v>
      </c>
      <c r="E171" s="191">
        <v>0.35799999999999998</v>
      </c>
      <c r="F171" s="94">
        <v>0.10632560175108759</v>
      </c>
      <c r="G171" s="191">
        <v>7.1999999999999995E-2</v>
      </c>
      <c r="H171" s="94">
        <v>6.410803261386476E-2</v>
      </c>
      <c r="I171" s="191">
        <v>0.56999999999999995</v>
      </c>
      <c r="J171" s="94">
        <v>0.10944792481606558</v>
      </c>
    </row>
    <row r="172" spans="1:10">
      <c r="A172" s="49" t="s">
        <v>454</v>
      </c>
      <c r="B172" s="192">
        <v>227</v>
      </c>
      <c r="C172" s="186">
        <v>3.78</v>
      </c>
      <c r="D172" s="187">
        <v>0.29399999999999998</v>
      </c>
      <c r="E172" s="193">
        <v>0.47899999999999998</v>
      </c>
      <c r="F172" s="97">
        <v>6.5739106614378207E-2</v>
      </c>
      <c r="G172" s="193">
        <v>8.2000000000000003E-2</v>
      </c>
      <c r="H172" s="97">
        <v>3.7514708825901258E-2</v>
      </c>
      <c r="I172" s="193">
        <v>0.439</v>
      </c>
      <c r="J172" s="97">
        <v>6.5320621178634727E-2</v>
      </c>
    </row>
    <row r="173" spans="1:10" ht="25.5">
      <c r="A173" s="57" t="s">
        <v>445</v>
      </c>
      <c r="B173" s="190">
        <v>99</v>
      </c>
      <c r="C173" s="184">
        <v>4.47</v>
      </c>
      <c r="D173" s="85">
        <v>0.43119999999999997</v>
      </c>
      <c r="E173" s="191">
        <v>0.36099999999999999</v>
      </c>
      <c r="F173" s="94">
        <v>9.4950272352718731E-2</v>
      </c>
      <c r="G173" s="191">
        <v>8.8999999999999996E-2</v>
      </c>
      <c r="H173" s="94">
        <v>6.0401349846742537E-2</v>
      </c>
      <c r="I173" s="191">
        <v>0.55000000000000004</v>
      </c>
      <c r="J173" s="94">
        <v>9.8076729299281115E-2</v>
      </c>
    </row>
    <row r="174" spans="1:10">
      <c r="A174" s="49" t="s">
        <v>471</v>
      </c>
      <c r="B174" s="192">
        <v>80</v>
      </c>
      <c r="C174" s="186">
        <v>3.18</v>
      </c>
      <c r="D174" s="187">
        <v>0.45080000000000003</v>
      </c>
      <c r="E174" s="193">
        <v>0.58899999999999997</v>
      </c>
      <c r="F174" s="97">
        <v>0.10752971228392418</v>
      </c>
      <c r="G174" s="193">
        <v>0.11</v>
      </c>
      <c r="H174" s="97">
        <v>7.3042980278258285E-2</v>
      </c>
      <c r="I174" s="193">
        <v>0.30099999999999999</v>
      </c>
      <c r="J174" s="97">
        <v>0.10096692660366391</v>
      </c>
    </row>
    <row r="175" spans="1:10">
      <c r="A175" s="57" t="s">
        <v>442</v>
      </c>
      <c r="B175" s="190">
        <v>102</v>
      </c>
      <c r="C175" s="184">
        <v>3.59</v>
      </c>
      <c r="D175" s="85">
        <v>0.43119999999999997</v>
      </c>
      <c r="E175" s="191">
        <v>0.52300000000000002</v>
      </c>
      <c r="F175" s="94">
        <v>9.7033386830632729E-2</v>
      </c>
      <c r="G175" s="191">
        <v>4.3999999999999997E-2</v>
      </c>
      <c r="H175" s="94">
        <v>4.6565508062345905E-2</v>
      </c>
      <c r="I175" s="191">
        <v>0.433</v>
      </c>
      <c r="J175" s="94">
        <v>9.6317752462024508E-2</v>
      </c>
    </row>
    <row r="177" spans="1:13" ht="18.75">
      <c r="A177" s="320" t="s">
        <v>13</v>
      </c>
      <c r="B177" s="320"/>
      <c r="C177" s="320"/>
      <c r="D177" s="320"/>
      <c r="E177" s="320"/>
      <c r="F177" s="320"/>
      <c r="G177" s="320"/>
      <c r="H177" s="320"/>
      <c r="I177" s="320"/>
      <c r="J177" s="320"/>
      <c r="K177" s="320"/>
      <c r="L177" s="320"/>
      <c r="M177" s="330"/>
    </row>
    <row r="178" spans="1:13" ht="43.5" customHeight="1">
      <c r="A178" s="407" t="s">
        <v>388</v>
      </c>
      <c r="B178" s="407"/>
      <c r="C178" s="407"/>
      <c r="D178" s="407"/>
      <c r="E178" s="407"/>
      <c r="F178" s="407"/>
      <c r="G178" s="407"/>
      <c r="H178" s="407"/>
      <c r="I178" s="407"/>
      <c r="J178" s="407"/>
      <c r="K178" s="407"/>
      <c r="L178" s="407"/>
      <c r="M178" s="330"/>
    </row>
    <row r="179" spans="1:13" ht="36" customHeight="1">
      <c r="A179" s="419" t="s">
        <v>160</v>
      </c>
      <c r="B179" s="420"/>
      <c r="C179" s="420"/>
      <c r="D179" s="420"/>
      <c r="E179" s="420"/>
      <c r="F179" s="420"/>
      <c r="G179" s="420"/>
      <c r="H179" s="420"/>
      <c r="I179" s="420"/>
      <c r="J179" s="420"/>
      <c r="K179" s="420"/>
      <c r="L179" s="420"/>
    </row>
    <row r="180" spans="1:13" ht="39.75" customHeight="1">
      <c r="A180" s="37" t="s">
        <v>85</v>
      </c>
      <c r="B180" s="38" t="s">
        <v>86</v>
      </c>
      <c r="C180" s="39" t="s">
        <v>87</v>
      </c>
      <c r="D180" s="40" t="s">
        <v>88</v>
      </c>
      <c r="E180" s="38" t="s">
        <v>179</v>
      </c>
      <c r="F180" s="89" t="s">
        <v>101</v>
      </c>
      <c r="G180" s="38" t="s">
        <v>180</v>
      </c>
      <c r="H180" s="89" t="s">
        <v>102</v>
      </c>
      <c r="I180" s="38" t="s">
        <v>181</v>
      </c>
      <c r="J180" s="89" t="s">
        <v>103</v>
      </c>
      <c r="K180" s="38" t="s">
        <v>356</v>
      </c>
      <c r="L180" s="89" t="s">
        <v>355</v>
      </c>
    </row>
    <row r="181" spans="1:13" ht="72">
      <c r="A181" s="41"/>
      <c r="B181" s="42" t="s">
        <v>89</v>
      </c>
      <c r="C181" s="128" t="s">
        <v>360</v>
      </c>
      <c r="D181" s="44" t="s">
        <v>91</v>
      </c>
      <c r="E181" s="42" t="s">
        <v>182</v>
      </c>
      <c r="F181" s="91" t="s">
        <v>161</v>
      </c>
      <c r="G181" s="42" t="s">
        <v>183</v>
      </c>
      <c r="H181" s="91" t="s">
        <v>104</v>
      </c>
      <c r="I181" s="42" t="s">
        <v>184</v>
      </c>
      <c r="J181" s="91" t="s">
        <v>104</v>
      </c>
      <c r="K181" s="42" t="s">
        <v>356</v>
      </c>
      <c r="L181" s="91" t="s">
        <v>104</v>
      </c>
    </row>
    <row r="182" spans="1:13">
      <c r="A182" s="45" t="s">
        <v>430</v>
      </c>
      <c r="B182" s="194">
        <v>9355</v>
      </c>
      <c r="C182" s="184">
        <v>5.53</v>
      </c>
      <c r="D182" s="85">
        <v>1.9599999999999999E-2</v>
      </c>
      <c r="E182" s="191">
        <v>0.10299999999999999</v>
      </c>
      <c r="F182" s="94">
        <v>6.2884910624138122E-3</v>
      </c>
      <c r="G182" s="191">
        <v>0.10299999999999999</v>
      </c>
      <c r="H182" s="94">
        <v>6.2884910624138122E-3</v>
      </c>
      <c r="I182" s="191">
        <v>0.78500000000000003</v>
      </c>
      <c r="J182" s="94">
        <v>8.4949068833350856E-3</v>
      </c>
      <c r="K182" s="191">
        <v>8.9999999999999993E-3</v>
      </c>
      <c r="L182" s="94">
        <v>1.9748423193708372E-3</v>
      </c>
    </row>
    <row r="183" spans="1:13">
      <c r="A183" s="49" t="s">
        <v>431</v>
      </c>
      <c r="B183" s="49">
        <v>8720</v>
      </c>
      <c r="C183" s="186">
        <v>5.49</v>
      </c>
      <c r="D183" s="187">
        <v>3.1657919999999999E-2</v>
      </c>
      <c r="E183" s="193">
        <v>0.113</v>
      </c>
      <c r="F183" s="97">
        <v>6.7837599134595167E-3</v>
      </c>
      <c r="G183" s="193">
        <v>9.9900000000000003E-2</v>
      </c>
      <c r="H183" s="97">
        <v>6.4262026441540025E-3</v>
      </c>
      <c r="I183" s="193">
        <v>0.77959999999999996</v>
      </c>
      <c r="J183" s="97">
        <v>8.8777811750262552E-3</v>
      </c>
      <c r="K183" s="193">
        <v>0.01</v>
      </c>
      <c r="L183" s="97">
        <v>2.1540961222383994E-3</v>
      </c>
    </row>
    <row r="184" spans="1:13">
      <c r="A184" s="45" t="s">
        <v>432</v>
      </c>
      <c r="B184" s="53">
        <v>834</v>
      </c>
      <c r="C184" s="184">
        <v>5.35</v>
      </c>
      <c r="D184" s="85">
        <v>9.8000000000000004E-2</v>
      </c>
      <c r="E184" s="191">
        <v>0.1147</v>
      </c>
      <c r="F184" s="94">
        <v>2.2168563334956089E-2</v>
      </c>
      <c r="G184" s="191">
        <v>0.1343</v>
      </c>
      <c r="H184" s="94">
        <v>2.3686212780974557E-2</v>
      </c>
      <c r="I184" s="191">
        <v>0.73809999999999998</v>
      </c>
      <c r="J184" s="94">
        <v>3.0418583929971529E-2</v>
      </c>
      <c r="K184" s="191">
        <v>1.29E-2</v>
      </c>
      <c r="L184" s="94">
        <v>8.4597198687637407E-3</v>
      </c>
    </row>
    <row r="185" spans="1:13">
      <c r="A185" s="49" t="s">
        <v>433</v>
      </c>
      <c r="B185" s="49">
        <v>106</v>
      </c>
      <c r="C185" s="186">
        <v>5.35</v>
      </c>
      <c r="D185" s="187">
        <v>0.27440000000000003</v>
      </c>
      <c r="E185" s="193">
        <v>8.3000000000000004E-2</v>
      </c>
      <c r="F185" s="97">
        <v>5.6737845910180829E-2</v>
      </c>
      <c r="G185" s="193">
        <v>0.159</v>
      </c>
      <c r="H185" s="97">
        <v>7.1864023114363823E-2</v>
      </c>
      <c r="I185" s="193">
        <v>0.75</v>
      </c>
      <c r="J185" s="97">
        <v>8.3549182013808843E-2</v>
      </c>
      <c r="K185" s="193">
        <v>8.0000000000000002E-3</v>
      </c>
      <c r="L185" s="97">
        <v>3.0283851032495472E-2</v>
      </c>
    </row>
    <row r="186" spans="1:13">
      <c r="A186" s="45" t="s">
        <v>434</v>
      </c>
      <c r="B186" s="53">
        <v>2550</v>
      </c>
      <c r="C186" s="184">
        <v>5.55</v>
      </c>
      <c r="D186" s="85">
        <v>5.8799999999999998E-2</v>
      </c>
      <c r="E186" s="191">
        <v>9.8000000000000004E-2</v>
      </c>
      <c r="F186" s="94">
        <v>1.1799805057036945E-2</v>
      </c>
      <c r="G186" s="191">
        <v>0.106</v>
      </c>
      <c r="H186" s="94">
        <v>1.2213826547384362E-2</v>
      </c>
      <c r="I186" s="191">
        <v>0.78400000000000003</v>
      </c>
      <c r="J186" s="94">
        <v>1.6297760091768223E-2</v>
      </c>
      <c r="K186" s="191">
        <v>1.0999999999999999E-2</v>
      </c>
      <c r="L186" s="94">
        <v>4.2673795142884625E-3</v>
      </c>
    </row>
    <row r="187" spans="1:13">
      <c r="A187" s="49" t="s">
        <v>435</v>
      </c>
      <c r="B187" s="49">
        <v>2485</v>
      </c>
      <c r="C187" s="186">
        <v>5.55</v>
      </c>
      <c r="D187" s="187">
        <v>5.8799999999999998E-2</v>
      </c>
      <c r="E187" s="193">
        <v>9.9000000000000005E-2</v>
      </c>
      <c r="F187" s="97">
        <v>1.2007458642715076E-2</v>
      </c>
      <c r="G187" s="193">
        <v>0.10199999999999999</v>
      </c>
      <c r="H187" s="97">
        <v>1.2166299400670469E-2</v>
      </c>
      <c r="I187" s="193">
        <v>0.78700000000000003</v>
      </c>
      <c r="J187" s="97">
        <v>1.6426200442762863E-2</v>
      </c>
      <c r="K187" s="193">
        <v>1.2E-2</v>
      </c>
      <c r="L187" s="97">
        <v>4.503614661287408E-3</v>
      </c>
    </row>
    <row r="188" spans="1:13">
      <c r="A188" s="45" t="s">
        <v>452</v>
      </c>
      <c r="B188" s="53">
        <v>50</v>
      </c>
      <c r="C188" s="184">
        <v>5</v>
      </c>
      <c r="D188" s="85">
        <v>0.47039999999999998</v>
      </c>
      <c r="E188" s="191">
        <v>0.17599999999999999</v>
      </c>
      <c r="F188" s="94">
        <v>0.10886621079036347</v>
      </c>
      <c r="G188" s="191">
        <v>0.17899999999999999</v>
      </c>
      <c r="H188" s="94">
        <v>0.10942914183507871</v>
      </c>
      <c r="I188" s="191">
        <v>0.626</v>
      </c>
      <c r="J188" s="94">
        <v>0.13232644507370256</v>
      </c>
      <c r="K188" s="191">
        <v>1.9E-2</v>
      </c>
      <c r="L188" s="94">
        <v>6.1851215261667418E-2</v>
      </c>
    </row>
    <row r="189" spans="1:13">
      <c r="A189" s="49" t="s">
        <v>172</v>
      </c>
      <c r="B189" s="49">
        <v>237</v>
      </c>
      <c r="C189" s="186">
        <v>5.74</v>
      </c>
      <c r="D189" s="187">
        <v>0.1764</v>
      </c>
      <c r="E189" s="193">
        <v>6.7000000000000004E-2</v>
      </c>
      <c r="F189" s="97">
        <v>3.3763407300825679E-2</v>
      </c>
      <c r="G189" s="193">
        <v>9.9000000000000005E-2</v>
      </c>
      <c r="H189" s="97">
        <v>3.9602274861870471E-2</v>
      </c>
      <c r="I189" s="193">
        <v>0.82899999999999996</v>
      </c>
      <c r="J189" s="97">
        <v>4.9111988935570526E-2</v>
      </c>
      <c r="K189" s="193">
        <v>5.0000000000000001E-3</v>
      </c>
      <c r="L189" s="97">
        <v>1.4712239024249863E-2</v>
      </c>
    </row>
    <row r="190" spans="1:13" ht="24.75" customHeight="1">
      <c r="A190" s="45" t="s">
        <v>436</v>
      </c>
      <c r="B190" s="53">
        <v>97</v>
      </c>
      <c r="C190" s="184">
        <v>5.73</v>
      </c>
      <c r="D190" s="85">
        <v>0.27440000000000003</v>
      </c>
      <c r="E190" s="191">
        <v>6.4000000000000001E-2</v>
      </c>
      <c r="F190" s="94">
        <v>5.437783049226471E-2</v>
      </c>
      <c r="G190" s="191">
        <v>0.10299999999999999</v>
      </c>
      <c r="H190" s="94">
        <v>6.4371347054303849E-2</v>
      </c>
      <c r="I190" s="191">
        <v>0.83199999999999996</v>
      </c>
      <c r="J190" s="94">
        <v>7.6645960003737398E-2</v>
      </c>
      <c r="K190" s="191">
        <v>0</v>
      </c>
      <c r="L190" s="94">
        <v>2.7725572981612018E-2</v>
      </c>
    </row>
    <row r="191" spans="1:13" ht="27.75" customHeight="1">
      <c r="A191" s="49" t="s">
        <v>437</v>
      </c>
      <c r="B191" s="49">
        <v>113</v>
      </c>
      <c r="C191" s="186">
        <v>5.69</v>
      </c>
      <c r="D191" s="187">
        <v>0.25480000000000003</v>
      </c>
      <c r="E191" s="193">
        <v>6.7000000000000004E-2</v>
      </c>
      <c r="F191" s="97">
        <v>5.067463482400944E-2</v>
      </c>
      <c r="G191" s="193">
        <v>0.13</v>
      </c>
      <c r="H191" s="97">
        <v>6.466235039057161E-2</v>
      </c>
      <c r="I191" s="193">
        <v>0.80300000000000005</v>
      </c>
      <c r="J191" s="97">
        <v>7.4961239012228828E-2</v>
      </c>
      <c r="K191" s="193">
        <v>0</v>
      </c>
      <c r="L191" s="97">
        <v>2.3967079753657358E-2</v>
      </c>
    </row>
    <row r="192" spans="1:13">
      <c r="A192" s="45" t="s">
        <v>453</v>
      </c>
      <c r="B192" s="194">
        <v>534</v>
      </c>
      <c r="C192" s="184">
        <v>5.5</v>
      </c>
      <c r="D192" s="85">
        <v>0.1176</v>
      </c>
      <c r="E192" s="191">
        <v>0.112</v>
      </c>
      <c r="F192" s="94">
        <v>2.749602886635133E-2</v>
      </c>
      <c r="G192" s="191">
        <v>8.8999999999999996E-2</v>
      </c>
      <c r="H192" s="94">
        <v>2.4928373042035296E-2</v>
      </c>
      <c r="I192" s="191">
        <v>0.78500000000000003</v>
      </c>
      <c r="J192" s="94">
        <v>3.5549673786795542E-2</v>
      </c>
      <c r="K192" s="191">
        <v>1.4E-2</v>
      </c>
      <c r="L192" s="94">
        <v>1.1342308742135709E-2</v>
      </c>
    </row>
    <row r="193" spans="1:12">
      <c r="A193" s="49" t="s">
        <v>438</v>
      </c>
      <c r="B193" s="195">
        <v>78</v>
      </c>
      <c r="C193" s="186">
        <v>5.64</v>
      </c>
      <c r="D193" s="187">
        <v>0.29399999999999998</v>
      </c>
      <c r="E193" s="193">
        <v>8.2000000000000003E-2</v>
      </c>
      <c r="F193" s="97">
        <v>6.6957023659715578E-2</v>
      </c>
      <c r="G193" s="193">
        <v>0.14399999999999999</v>
      </c>
      <c r="H193" s="97">
        <v>8.124846413005056E-2</v>
      </c>
      <c r="I193" s="193">
        <v>0.77400000000000002</v>
      </c>
      <c r="J193" s="97">
        <v>9.4241475453494164E-2</v>
      </c>
      <c r="K193" s="193">
        <v>0</v>
      </c>
      <c r="L193" s="97">
        <v>3.406977052534528E-2</v>
      </c>
    </row>
    <row r="194" spans="1:12">
      <c r="A194" s="45" t="s">
        <v>439</v>
      </c>
      <c r="B194" s="83">
        <v>79</v>
      </c>
      <c r="C194" s="184">
        <v>5.99</v>
      </c>
      <c r="D194" s="85">
        <v>0.31359999999999999</v>
      </c>
      <c r="E194" s="191">
        <v>9.8000000000000004E-2</v>
      </c>
      <c r="F194" s="94">
        <v>7.0658505704036312E-2</v>
      </c>
      <c r="G194" s="191">
        <v>1.6E-2</v>
      </c>
      <c r="H194" s="94">
        <v>4.2669264291516136E-2</v>
      </c>
      <c r="I194" s="191">
        <v>0.86899999999999999</v>
      </c>
      <c r="J194" s="94">
        <v>7.8124618400500764E-2</v>
      </c>
      <c r="K194" s="191">
        <v>1.7000000000000001E-2</v>
      </c>
      <c r="L194" s="94">
        <v>4.3161151078340461E-2</v>
      </c>
    </row>
    <row r="195" spans="1:12">
      <c r="A195" s="49" t="s">
        <v>440</v>
      </c>
      <c r="B195" s="195">
        <v>79</v>
      </c>
      <c r="C195" s="186">
        <v>5.71</v>
      </c>
      <c r="D195" s="187">
        <v>0.31359999999999999</v>
      </c>
      <c r="E195" s="193">
        <v>8.1000000000000003E-2</v>
      </c>
      <c r="F195" s="97">
        <v>6.6206247353674377E-2</v>
      </c>
      <c r="G195" s="193">
        <v>7.1999999999999995E-2</v>
      </c>
      <c r="H195" s="97">
        <v>6.3643145328232911E-2</v>
      </c>
      <c r="I195" s="193">
        <v>0.84699999999999998</v>
      </c>
      <c r="J195" s="97">
        <v>8.2408629693345739E-2</v>
      </c>
      <c r="K195" s="193">
        <v>0</v>
      </c>
      <c r="L195" s="97">
        <v>3.3664360151118053E-2</v>
      </c>
    </row>
    <row r="196" spans="1:12">
      <c r="A196" s="57" t="s">
        <v>441</v>
      </c>
      <c r="B196" s="194">
        <v>74</v>
      </c>
      <c r="C196" s="184">
        <v>5.35</v>
      </c>
      <c r="D196" s="85">
        <v>0.31359999999999999</v>
      </c>
      <c r="E196" s="191">
        <v>0.13400000000000001</v>
      </c>
      <c r="F196" s="94">
        <v>8.1470709822266896E-2</v>
      </c>
      <c r="G196" s="191">
        <v>5.8000000000000003E-2</v>
      </c>
      <c r="H196" s="94">
        <v>6.1668907328200087E-2</v>
      </c>
      <c r="I196" s="191">
        <v>0.745</v>
      </c>
      <c r="J196" s="94">
        <v>0.10024931832575171</v>
      </c>
      <c r="K196" s="191">
        <v>6.3E-2</v>
      </c>
      <c r="L196" s="94">
        <v>6.3292298924013668E-2</v>
      </c>
    </row>
    <row r="197" spans="1:12">
      <c r="A197" s="49" t="s">
        <v>442</v>
      </c>
      <c r="B197" s="195">
        <v>111</v>
      </c>
      <c r="C197" s="186">
        <v>5.3</v>
      </c>
      <c r="D197" s="187">
        <v>0.27440000000000003</v>
      </c>
      <c r="E197" s="193">
        <v>0.152</v>
      </c>
      <c r="F197" s="97">
        <v>6.907440496227657E-2</v>
      </c>
      <c r="G197" s="193">
        <v>0.128</v>
      </c>
      <c r="H197" s="97">
        <v>6.4894641554652119E-2</v>
      </c>
      <c r="I197" s="193">
        <v>0.72</v>
      </c>
      <c r="J197" s="97">
        <v>8.442303430908428E-2</v>
      </c>
      <c r="K197" s="193">
        <v>0</v>
      </c>
      <c r="L197" s="97">
        <v>2.4380210707016403E-2</v>
      </c>
    </row>
    <row r="198" spans="1:12">
      <c r="A198" s="57" t="s">
        <v>443</v>
      </c>
      <c r="B198" s="194">
        <v>167</v>
      </c>
      <c r="C198" s="184">
        <v>5.37</v>
      </c>
      <c r="D198" s="85">
        <v>0.19600000000000001</v>
      </c>
      <c r="E198" s="191">
        <v>0.11799999999999999</v>
      </c>
      <c r="F198" s="94">
        <v>5.0915135804449362E-2</v>
      </c>
      <c r="G198" s="191">
        <v>0.107</v>
      </c>
      <c r="H198" s="94">
        <v>4.9011795521206637E-2</v>
      </c>
      <c r="I198" s="191">
        <v>0.76600000000000001</v>
      </c>
      <c r="J198" s="94">
        <v>6.534040530519028E-2</v>
      </c>
      <c r="K198" s="191">
        <v>8.9999999999999993E-3</v>
      </c>
      <c r="L198" s="94">
        <v>2.1665036007961387E-2</v>
      </c>
    </row>
    <row r="199" spans="1:12">
      <c r="A199" s="49" t="s">
        <v>455</v>
      </c>
      <c r="B199" s="195">
        <v>142</v>
      </c>
      <c r="C199" s="186">
        <v>5.75</v>
      </c>
      <c r="D199" s="187">
        <v>0.19600000000000001</v>
      </c>
      <c r="E199" s="193">
        <v>4.1000000000000002E-2</v>
      </c>
      <c r="F199" s="97">
        <v>3.7271688600165269E-2</v>
      </c>
      <c r="G199" s="193">
        <v>0.13100000000000001</v>
      </c>
      <c r="H199" s="97">
        <v>5.762364262728413E-2</v>
      </c>
      <c r="I199" s="193">
        <v>0.81899999999999995</v>
      </c>
      <c r="J199" s="97">
        <v>6.4900041664601421E-2</v>
      </c>
      <c r="K199" s="193">
        <v>8.0000000000000002E-3</v>
      </c>
      <c r="L199" s="97">
        <v>2.3996623731820769E-2</v>
      </c>
    </row>
    <row r="200" spans="1:12">
      <c r="A200" s="57" t="s">
        <v>444</v>
      </c>
      <c r="B200" s="194">
        <v>88</v>
      </c>
      <c r="C200" s="184">
        <v>5.74</v>
      </c>
      <c r="D200" s="85">
        <v>0.23519999999999999</v>
      </c>
      <c r="E200" s="191">
        <v>1.6E-2</v>
      </c>
      <c r="F200" s="94">
        <v>3.9381776286040497E-2</v>
      </c>
      <c r="G200" s="191">
        <v>0.17599999999999999</v>
      </c>
      <c r="H200" s="94">
        <v>8.1814717896211017E-2</v>
      </c>
      <c r="I200" s="191">
        <v>0.79500000000000004</v>
      </c>
      <c r="J200" s="94">
        <v>8.6068194094473582E-2</v>
      </c>
      <c r="K200" s="191">
        <v>1.2E-2</v>
      </c>
      <c r="L200" s="94">
        <v>3.7366572028835601E-2</v>
      </c>
    </row>
    <row r="201" spans="1:12">
      <c r="A201" s="49" t="s">
        <v>454</v>
      </c>
      <c r="B201" s="195">
        <v>250</v>
      </c>
      <c r="C201" s="186">
        <v>5.58</v>
      </c>
      <c r="D201" s="187">
        <v>0.15679999999999999</v>
      </c>
      <c r="E201" s="193">
        <v>0.10199999999999999</v>
      </c>
      <c r="F201" s="97">
        <v>3.8992391361908733E-2</v>
      </c>
      <c r="G201" s="193">
        <v>0.107</v>
      </c>
      <c r="H201" s="97">
        <v>3.9758569027241425E-2</v>
      </c>
      <c r="I201" s="193">
        <v>0.79200000000000004</v>
      </c>
      <c r="J201" s="97">
        <v>5.134418900803122E-2</v>
      </c>
      <c r="K201" s="193">
        <v>0</v>
      </c>
      <c r="L201" s="97">
        <v>1.1091612511036448E-2</v>
      </c>
    </row>
    <row r="202" spans="1:12" ht="25.5">
      <c r="A202" s="57" t="s">
        <v>445</v>
      </c>
      <c r="B202" s="194">
        <v>106</v>
      </c>
      <c r="C202" s="184">
        <v>5.7</v>
      </c>
      <c r="D202" s="85">
        <v>0.23519999999999999</v>
      </c>
      <c r="E202" s="191">
        <v>1.9E-2</v>
      </c>
      <c r="F202" s="94">
        <v>3.5756409543479355E-2</v>
      </c>
      <c r="G202" s="191">
        <v>0.14099999999999999</v>
      </c>
      <c r="H202" s="94">
        <v>6.8840195044713087E-2</v>
      </c>
      <c r="I202" s="191">
        <v>0.84</v>
      </c>
      <c r="J202" s="94">
        <v>7.2023837776906893E-2</v>
      </c>
      <c r="K202" s="191">
        <v>0</v>
      </c>
      <c r="L202" s="94">
        <v>2.5478147263468021E-2</v>
      </c>
    </row>
    <row r="203" spans="1:12">
      <c r="A203" s="49" t="s">
        <v>471</v>
      </c>
      <c r="B203" s="195">
        <v>90</v>
      </c>
      <c r="C203" s="186">
        <v>5.46</v>
      </c>
      <c r="D203" s="187">
        <v>0.27440000000000003</v>
      </c>
      <c r="E203" s="193">
        <v>0.157</v>
      </c>
      <c r="F203" s="97">
        <v>7.7775083547223983E-2</v>
      </c>
      <c r="G203" s="193">
        <v>7.1999999999999995E-2</v>
      </c>
      <c r="H203" s="97">
        <v>5.9097619499076326E-2</v>
      </c>
      <c r="I203" s="193">
        <v>0.77100000000000002</v>
      </c>
      <c r="J203" s="97">
        <v>8.8167228149844165E-2</v>
      </c>
      <c r="K203" s="193">
        <v>0</v>
      </c>
      <c r="L203" s="97">
        <v>2.976782656907849E-2</v>
      </c>
    </row>
    <row r="204" spans="1:12">
      <c r="A204" s="57" t="s">
        <v>442</v>
      </c>
      <c r="B204" s="194">
        <v>111</v>
      </c>
      <c r="C204" s="184">
        <v>5.3</v>
      </c>
      <c r="D204" s="85">
        <v>0.27440000000000003</v>
      </c>
      <c r="E204" s="191">
        <v>0.152</v>
      </c>
      <c r="F204" s="94">
        <v>6.907440496227657E-2</v>
      </c>
      <c r="G204" s="191">
        <v>0.128</v>
      </c>
      <c r="H204" s="94">
        <v>6.4894641554652119E-2</v>
      </c>
      <c r="I204" s="191">
        <v>0.72</v>
      </c>
      <c r="J204" s="94">
        <v>8.442303430908428E-2</v>
      </c>
      <c r="K204" s="191">
        <v>0</v>
      </c>
      <c r="L204" s="94">
        <v>2.4380210707016403E-2</v>
      </c>
    </row>
  </sheetData>
  <mergeCells count="19">
    <mergeCell ref="B34:H34"/>
    <mergeCell ref="A61:D61"/>
    <mergeCell ref="A62:D62"/>
    <mergeCell ref="A63:D63"/>
    <mergeCell ref="A3:D3"/>
    <mergeCell ref="A4:D4"/>
    <mergeCell ref="A5:D5"/>
    <mergeCell ref="A32:O32"/>
    <mergeCell ref="A33:O33"/>
    <mergeCell ref="A179:L179"/>
    <mergeCell ref="A178:L178"/>
    <mergeCell ref="A90:O90"/>
    <mergeCell ref="A91:O91"/>
    <mergeCell ref="B92:H92"/>
    <mergeCell ref="I92:O92"/>
    <mergeCell ref="A149:J149"/>
    <mergeCell ref="A148:J148"/>
    <mergeCell ref="A121:L121"/>
    <mergeCell ref="A120:L12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91"/>
  <sheetViews>
    <sheetView zoomScaleNormal="100" workbookViewId="0">
      <selection activeCell="A265" sqref="A265:S265"/>
    </sheetView>
  </sheetViews>
  <sheetFormatPr defaultColWidth="17.5703125" defaultRowHeight="15"/>
  <cols>
    <col min="1" max="1" width="38.5703125" customWidth="1"/>
  </cols>
  <sheetData>
    <row r="1" spans="1:55" ht="31.5">
      <c r="A1" s="33" t="s">
        <v>48</v>
      </c>
    </row>
    <row r="3" spans="1:55" ht="18.75">
      <c r="A3" s="320" t="s">
        <v>273</v>
      </c>
      <c r="B3" s="320"/>
      <c r="C3" s="320"/>
      <c r="D3" s="320"/>
      <c r="E3" s="320"/>
      <c r="F3" s="320"/>
      <c r="G3" s="320"/>
      <c r="H3" s="320"/>
      <c r="I3" s="320"/>
      <c r="J3" s="320"/>
      <c r="K3" s="320"/>
      <c r="L3" s="320"/>
      <c r="M3" s="320"/>
      <c r="N3" s="320"/>
      <c r="O3" s="320"/>
      <c r="P3" s="320"/>
      <c r="Q3" s="320"/>
      <c r="R3" s="320"/>
      <c r="S3" s="320"/>
      <c r="T3" s="320"/>
      <c r="U3" s="320"/>
      <c r="V3" s="320"/>
      <c r="W3" s="320"/>
      <c r="X3" s="333"/>
      <c r="Y3" s="333"/>
      <c r="Z3" s="236"/>
      <c r="AA3" s="236"/>
      <c r="AB3" s="236"/>
      <c r="AC3" s="236"/>
      <c r="AD3" s="236"/>
      <c r="AE3" s="236"/>
      <c r="AF3" s="236"/>
      <c r="AG3" s="236"/>
      <c r="AH3" s="236"/>
      <c r="AI3" s="236"/>
      <c r="AJ3" s="236"/>
      <c r="AK3" s="236"/>
      <c r="AL3" s="236"/>
      <c r="AM3" s="236"/>
      <c r="AN3" s="236"/>
      <c r="AO3" s="236"/>
      <c r="AP3" s="236"/>
      <c r="AQ3" s="236"/>
      <c r="AR3" s="258"/>
      <c r="AS3" s="258"/>
      <c r="AT3" s="258"/>
      <c r="AU3" s="258"/>
      <c r="AV3" s="258"/>
      <c r="AW3" s="258"/>
    </row>
    <row r="4" spans="1:55" ht="39" customHeight="1">
      <c r="A4" s="424" t="s">
        <v>499</v>
      </c>
      <c r="B4" s="424"/>
      <c r="C4" s="424"/>
      <c r="D4" s="424"/>
      <c r="E4" s="424"/>
      <c r="F4" s="424"/>
      <c r="G4" s="424"/>
      <c r="H4" s="424"/>
      <c r="I4" s="424"/>
      <c r="J4" s="424"/>
      <c r="K4" s="424"/>
      <c r="L4" s="424"/>
      <c r="M4" s="424"/>
      <c r="N4" s="424"/>
      <c r="O4" s="424"/>
      <c r="P4" s="424"/>
      <c r="Q4" s="424"/>
      <c r="R4" s="424"/>
      <c r="S4" s="424"/>
      <c r="T4" s="424"/>
      <c r="U4" s="424"/>
      <c r="V4" s="424"/>
      <c r="W4" s="424"/>
      <c r="X4" s="333"/>
      <c r="Y4" s="333"/>
      <c r="Z4" s="268"/>
      <c r="AA4" s="268"/>
      <c r="AB4" s="268"/>
      <c r="AC4" s="268"/>
      <c r="AD4" s="268"/>
      <c r="AE4" s="268"/>
      <c r="AF4" s="268"/>
      <c r="AG4" s="268"/>
      <c r="AH4" s="268"/>
      <c r="AI4" s="268"/>
      <c r="AJ4" s="268"/>
      <c r="AK4" s="268"/>
      <c r="AL4" s="268"/>
      <c r="AM4" s="268"/>
      <c r="AN4" s="268"/>
      <c r="AO4" s="268"/>
      <c r="AP4" s="268"/>
      <c r="AQ4" s="268"/>
      <c r="AR4" s="258"/>
      <c r="AS4" s="258"/>
      <c r="AT4" s="258"/>
      <c r="AU4" s="258"/>
      <c r="AV4" s="258"/>
      <c r="AW4" s="258"/>
    </row>
    <row r="5" spans="1:55" ht="34.5" customHeight="1">
      <c r="A5" s="64"/>
      <c r="B5" s="402" t="s">
        <v>271</v>
      </c>
      <c r="C5" s="403"/>
      <c r="D5" s="403"/>
      <c r="E5" s="403"/>
      <c r="F5" s="403"/>
      <c r="G5" s="403"/>
      <c r="H5" s="403"/>
      <c r="I5" s="403"/>
      <c r="J5" s="403"/>
      <c r="K5" s="403"/>
      <c r="L5" s="404"/>
      <c r="M5" s="419" t="s">
        <v>272</v>
      </c>
      <c r="N5" s="420"/>
      <c r="O5" s="420"/>
      <c r="P5" s="420"/>
      <c r="Q5" s="420"/>
      <c r="R5" s="420"/>
      <c r="S5" s="420"/>
      <c r="T5" s="420"/>
      <c r="U5" s="420"/>
      <c r="V5" s="420"/>
      <c r="W5" s="420"/>
      <c r="X5" s="258"/>
      <c r="Y5" s="258"/>
      <c r="Z5" s="258"/>
      <c r="AA5" s="258"/>
      <c r="AB5" s="258"/>
      <c r="AC5" s="258"/>
      <c r="AD5" s="258"/>
      <c r="AE5" s="258"/>
      <c r="AF5" s="258"/>
      <c r="AG5" s="258"/>
      <c r="AH5" s="258"/>
      <c r="AI5" s="258"/>
      <c r="AJ5" s="258"/>
      <c r="AK5" s="258"/>
      <c r="AL5" s="258"/>
      <c r="AM5" s="258"/>
      <c r="AN5" s="258"/>
      <c r="AO5" s="258"/>
      <c r="AP5" s="258"/>
      <c r="AQ5" s="258"/>
      <c r="AR5" s="258"/>
      <c r="AS5" s="258"/>
      <c r="AT5" s="258"/>
      <c r="AU5" s="258"/>
      <c r="AV5" s="258"/>
      <c r="AW5" s="258"/>
      <c r="AX5" s="258"/>
      <c r="AY5" s="258"/>
      <c r="AZ5" s="258"/>
      <c r="BA5" s="258"/>
    </row>
    <row r="6" spans="1:55" ht="49.5" customHeight="1">
      <c r="A6" s="37" t="s">
        <v>85</v>
      </c>
      <c r="B6" s="38" t="s">
        <v>86</v>
      </c>
      <c r="C6" s="39" t="s">
        <v>87</v>
      </c>
      <c r="D6" s="40" t="s">
        <v>88</v>
      </c>
      <c r="E6" s="38" t="s">
        <v>367</v>
      </c>
      <c r="F6" s="89" t="s">
        <v>162</v>
      </c>
      <c r="G6" s="38" t="s">
        <v>368</v>
      </c>
      <c r="H6" s="89" t="s">
        <v>163</v>
      </c>
      <c r="I6" s="38" t="s">
        <v>369</v>
      </c>
      <c r="J6" s="89" t="s">
        <v>136</v>
      </c>
      <c r="K6" s="38" t="s">
        <v>356</v>
      </c>
      <c r="L6" s="89" t="s">
        <v>370</v>
      </c>
      <c r="M6" s="65" t="s">
        <v>86</v>
      </c>
      <c r="N6" s="66" t="s">
        <v>87</v>
      </c>
      <c r="O6" s="67" t="s">
        <v>88</v>
      </c>
      <c r="P6" s="65" t="s">
        <v>367</v>
      </c>
      <c r="Q6" s="88" t="s">
        <v>162</v>
      </c>
      <c r="R6" s="65" t="s">
        <v>371</v>
      </c>
      <c r="S6" s="88" t="s">
        <v>372</v>
      </c>
      <c r="T6" s="65" t="s">
        <v>369</v>
      </c>
      <c r="U6" s="88" t="s">
        <v>136</v>
      </c>
      <c r="V6" s="65" t="s">
        <v>356</v>
      </c>
      <c r="W6" s="88" t="s">
        <v>370</v>
      </c>
      <c r="X6" s="258"/>
      <c r="Y6" s="258"/>
      <c r="Z6" s="258"/>
      <c r="AA6" s="258"/>
      <c r="AB6" s="258"/>
      <c r="AC6" s="258"/>
      <c r="AD6" s="258"/>
      <c r="AE6" s="258"/>
      <c r="AF6" s="258"/>
      <c r="AG6" s="258"/>
      <c r="AH6" s="258"/>
      <c r="AI6" s="258"/>
      <c r="AJ6" s="258"/>
      <c r="AK6" s="258"/>
      <c r="AL6" s="258"/>
      <c r="AM6" s="258"/>
      <c r="AN6" s="258"/>
      <c r="AO6" s="258"/>
      <c r="AP6" s="258"/>
      <c r="AQ6" s="258"/>
      <c r="AR6" s="258"/>
      <c r="AS6" s="258"/>
      <c r="AT6" s="258"/>
      <c r="AU6" s="258"/>
      <c r="AV6" s="258"/>
      <c r="AW6" s="258"/>
      <c r="AX6" s="258"/>
      <c r="AY6" s="258"/>
      <c r="AZ6" s="258"/>
      <c r="BA6" s="258"/>
      <c r="BB6" s="258"/>
      <c r="BC6" s="258"/>
    </row>
    <row r="7" spans="1:55" ht="72">
      <c r="A7" s="41"/>
      <c r="B7" s="42" t="s">
        <v>89</v>
      </c>
      <c r="C7" s="128" t="s">
        <v>359</v>
      </c>
      <c r="D7" s="44" t="s">
        <v>91</v>
      </c>
      <c r="E7" s="42" t="s">
        <v>182</v>
      </c>
      <c r="F7" s="91" t="s">
        <v>104</v>
      </c>
      <c r="G7" s="42" t="s">
        <v>183</v>
      </c>
      <c r="H7" s="91" t="s">
        <v>104</v>
      </c>
      <c r="I7" s="42" t="s">
        <v>184</v>
      </c>
      <c r="J7" s="91" t="s">
        <v>104</v>
      </c>
      <c r="K7" s="42" t="s">
        <v>356</v>
      </c>
      <c r="L7" s="91" t="s">
        <v>104</v>
      </c>
      <c r="M7" s="68" t="s">
        <v>89</v>
      </c>
      <c r="N7" s="282" t="s">
        <v>359</v>
      </c>
      <c r="O7" s="70" t="s">
        <v>91</v>
      </c>
      <c r="P7" s="68" t="s">
        <v>182</v>
      </c>
      <c r="Q7" s="90" t="s">
        <v>104</v>
      </c>
      <c r="R7" s="68" t="s">
        <v>183</v>
      </c>
      <c r="S7" s="90" t="s">
        <v>104</v>
      </c>
      <c r="T7" s="68" t="s">
        <v>184</v>
      </c>
      <c r="U7" s="90" t="s">
        <v>104</v>
      </c>
      <c r="V7" s="68" t="s">
        <v>356</v>
      </c>
      <c r="W7" s="90" t="s">
        <v>104</v>
      </c>
    </row>
    <row r="8" spans="1:55">
      <c r="A8" s="45" t="s">
        <v>430</v>
      </c>
      <c r="B8" s="196">
        <v>10984</v>
      </c>
      <c r="C8" s="84">
        <v>4.8899999999999997</v>
      </c>
      <c r="D8" s="85">
        <v>3.9199999999999999E-2</v>
      </c>
      <c r="E8" s="198">
        <v>0.19600000000000001</v>
      </c>
      <c r="F8" s="94">
        <v>7.5756414386888137E-3</v>
      </c>
      <c r="G8" s="198">
        <v>0.16200000000000001</v>
      </c>
      <c r="H8" s="94">
        <v>7.0320697110495085E-3</v>
      </c>
      <c r="I8" s="198">
        <v>0.63100000000000001</v>
      </c>
      <c r="J8" s="94">
        <v>9.2068312446001097E-3</v>
      </c>
      <c r="K8" s="198">
        <v>1.0999999999999999E-2</v>
      </c>
      <c r="L8" s="94">
        <v>2.0059126667579716E-3</v>
      </c>
      <c r="M8" s="196">
        <v>11074</v>
      </c>
      <c r="N8" s="84">
        <v>5.4</v>
      </c>
      <c r="O8" s="85">
        <v>1.9599999999999999E-2</v>
      </c>
      <c r="P8" s="198">
        <v>7.4999999999999997E-2</v>
      </c>
      <c r="Q8" s="94">
        <v>5.0096644334131791E-3</v>
      </c>
      <c r="R8" s="198">
        <v>0.115</v>
      </c>
      <c r="S8" s="94">
        <v>6.0652414225692642E-3</v>
      </c>
      <c r="T8" s="198">
        <v>0.68500000000000005</v>
      </c>
      <c r="U8" s="94">
        <v>8.8272361427795543E-3</v>
      </c>
      <c r="V8" s="198">
        <v>0.126</v>
      </c>
      <c r="W8" s="94">
        <v>6.3086924531840973E-3</v>
      </c>
    </row>
    <row r="9" spans="1:55">
      <c r="A9" s="49" t="s">
        <v>431</v>
      </c>
      <c r="B9" s="49">
        <v>8836</v>
      </c>
      <c r="C9" s="180">
        <v>4.7</v>
      </c>
      <c r="D9" s="132">
        <v>3.9199999999999999E-2</v>
      </c>
      <c r="E9" s="199">
        <v>0.249</v>
      </c>
      <c r="F9" s="97">
        <v>9.2000393856238021E-3</v>
      </c>
      <c r="G9" s="199">
        <v>0.161</v>
      </c>
      <c r="H9" s="97">
        <v>7.8210464800530181E-3</v>
      </c>
      <c r="I9" s="199">
        <v>0.58499999999999996</v>
      </c>
      <c r="J9" s="97">
        <v>1.0481216488890508E-2</v>
      </c>
      <c r="K9" s="199">
        <v>5.0000000000000001E-3</v>
      </c>
      <c r="L9" s="97">
        <v>1.5334419795925037E-3</v>
      </c>
      <c r="M9" s="49">
        <v>8821</v>
      </c>
      <c r="N9" s="180">
        <v>5.47</v>
      </c>
      <c r="O9" s="132">
        <v>3.9199999999999999E-2</v>
      </c>
      <c r="P9" s="199">
        <v>7.0999999999999994E-2</v>
      </c>
      <c r="Q9" s="97">
        <v>5.4746719709409608E-3</v>
      </c>
      <c r="R9" s="199">
        <v>0.10100000000000001</v>
      </c>
      <c r="S9" s="97">
        <v>6.4203389805858871E-3</v>
      </c>
      <c r="T9" s="199">
        <v>0.69499999999999995</v>
      </c>
      <c r="U9" s="97">
        <v>9.8028026851548992E-3</v>
      </c>
      <c r="V9" s="199">
        <v>0.13300000000000001</v>
      </c>
      <c r="W9" s="97">
        <v>7.2333213841521459E-3</v>
      </c>
    </row>
    <row r="10" spans="1:55">
      <c r="A10" s="45" t="s">
        <v>432</v>
      </c>
      <c r="B10" s="53">
        <v>1982</v>
      </c>
      <c r="C10" s="84">
        <v>5.34</v>
      </c>
      <c r="D10" s="85">
        <v>5.8799999999999998E-2</v>
      </c>
      <c r="E10" s="198">
        <v>8.5500000000000007E-2</v>
      </c>
      <c r="F10" s="94">
        <v>1.2604538787916123E-2</v>
      </c>
      <c r="G10" s="198">
        <v>0.15870000000000001</v>
      </c>
      <c r="H10" s="94">
        <v>1.6427267436820155E-2</v>
      </c>
      <c r="I10" s="198">
        <v>0.73740000000000006</v>
      </c>
      <c r="J10" s="94">
        <v>1.9760297484259556E-2</v>
      </c>
      <c r="K10" s="198">
        <v>1.8499999999999999E-2</v>
      </c>
      <c r="L10" s="94">
        <v>6.2008536355848401E-3</v>
      </c>
      <c r="M10" s="53">
        <v>1982</v>
      </c>
      <c r="N10" s="84">
        <v>5.31</v>
      </c>
      <c r="O10" s="85">
        <v>5.8799999999999998E-2</v>
      </c>
      <c r="P10" s="198">
        <v>7.5800000000000006E-2</v>
      </c>
      <c r="Q10" s="94">
        <v>1.1939633879621185E-2</v>
      </c>
      <c r="R10" s="198">
        <v>0.125</v>
      </c>
      <c r="S10" s="94">
        <v>1.4880585078639935E-2</v>
      </c>
      <c r="T10" s="198">
        <v>0.68089999999999995</v>
      </c>
      <c r="U10" s="94">
        <v>2.0925556405062211E-2</v>
      </c>
      <c r="V10" s="198">
        <v>0.1183</v>
      </c>
      <c r="W10" s="94">
        <v>1.4534842448889567E-2</v>
      </c>
    </row>
    <row r="11" spans="1:55">
      <c r="A11" s="49" t="s">
        <v>433</v>
      </c>
      <c r="B11" s="49">
        <v>133</v>
      </c>
      <c r="C11" s="180">
        <v>5.45</v>
      </c>
      <c r="D11" s="132">
        <v>0.23519999999999999</v>
      </c>
      <c r="E11" s="199">
        <v>6.5000000000000002E-2</v>
      </c>
      <c r="F11" s="97">
        <v>4.574232064170012E-2</v>
      </c>
      <c r="G11" s="199">
        <v>0.20100000000000001</v>
      </c>
      <c r="H11" s="97">
        <v>6.9564502384228399E-2</v>
      </c>
      <c r="I11" s="199">
        <v>0.72099999999999997</v>
      </c>
      <c r="J11" s="97">
        <v>7.7170660007326627E-2</v>
      </c>
      <c r="K11" s="199">
        <v>1.2999999999999999E-2</v>
      </c>
      <c r="L11" s="97">
        <v>2.7804376766878261E-2</v>
      </c>
      <c r="M11" s="49">
        <v>132</v>
      </c>
      <c r="N11" s="180">
        <v>5.48</v>
      </c>
      <c r="O11" s="132">
        <v>0.21559999999999999</v>
      </c>
      <c r="P11" s="199">
        <v>4.5999999999999999E-2</v>
      </c>
      <c r="Q11" s="97">
        <v>4.0522386532621767E-2</v>
      </c>
      <c r="R11" s="199">
        <v>0.11</v>
      </c>
      <c r="S11" s="97">
        <v>5.602401912128345E-2</v>
      </c>
      <c r="T11" s="199">
        <v>0.63800000000000001</v>
      </c>
      <c r="U11" s="97">
        <v>8.2615295771794106E-2</v>
      </c>
      <c r="V11" s="199">
        <v>0.20699999999999999</v>
      </c>
      <c r="W11" s="97">
        <v>7.0528817084107784E-2</v>
      </c>
    </row>
    <row r="12" spans="1:55">
      <c r="A12" s="45" t="s">
        <v>434</v>
      </c>
      <c r="B12" s="53">
        <v>3069</v>
      </c>
      <c r="C12" s="84">
        <v>4.92</v>
      </c>
      <c r="D12" s="85">
        <v>5.8799999999999998E-2</v>
      </c>
      <c r="E12" s="198">
        <v>0.192</v>
      </c>
      <c r="F12" s="94">
        <v>1.4221656601576191E-2</v>
      </c>
      <c r="G12" s="198">
        <v>0.16200000000000001</v>
      </c>
      <c r="H12" s="94">
        <v>1.330770386467771E-2</v>
      </c>
      <c r="I12" s="198">
        <v>0.63600000000000001</v>
      </c>
      <c r="J12" s="94">
        <v>1.7360934397542147E-2</v>
      </c>
      <c r="K12" s="198">
        <v>8.9999999999999993E-3</v>
      </c>
      <c r="L12" s="94">
        <v>3.5250398674310131E-3</v>
      </c>
      <c r="M12" s="53">
        <v>3066</v>
      </c>
      <c r="N12" s="84">
        <v>5.39</v>
      </c>
      <c r="O12" s="85">
        <v>5.8799999999999998E-2</v>
      </c>
      <c r="P12" s="198">
        <v>8.2000000000000003E-2</v>
      </c>
      <c r="Q12" s="94">
        <v>9.9333944864873954E-3</v>
      </c>
      <c r="R12" s="198">
        <v>0.11600000000000001</v>
      </c>
      <c r="S12" s="94">
        <v>1.1580507031651657E-2</v>
      </c>
      <c r="T12" s="198">
        <v>0.69399999999999995</v>
      </c>
      <c r="U12" s="94">
        <v>1.6638012690424798E-2</v>
      </c>
      <c r="V12" s="198">
        <v>0.108</v>
      </c>
      <c r="W12" s="94">
        <v>1.1226780830383348E-2</v>
      </c>
    </row>
    <row r="13" spans="1:55">
      <c r="A13" s="49" t="s">
        <v>435</v>
      </c>
      <c r="B13" s="49">
        <v>2478</v>
      </c>
      <c r="C13" s="180">
        <v>4.7699999999999996</v>
      </c>
      <c r="D13" s="132">
        <v>5.8799999999999998E-2</v>
      </c>
      <c r="E13" s="199">
        <v>0.23300000000000001</v>
      </c>
      <c r="F13" s="97">
        <v>1.6981793068341928E-2</v>
      </c>
      <c r="G13" s="199">
        <v>0.16900000000000001</v>
      </c>
      <c r="H13" s="97">
        <v>1.5063221762020362E-2</v>
      </c>
      <c r="I13" s="199">
        <v>0.59199999999999997</v>
      </c>
      <c r="J13" s="97">
        <v>1.9730793320668794E-2</v>
      </c>
      <c r="K13" s="199">
        <v>6.0000000000000001E-3</v>
      </c>
      <c r="L13" s="97">
        <v>3.2982169234185596E-3</v>
      </c>
      <c r="M13" s="49">
        <v>2475</v>
      </c>
      <c r="N13" s="180">
        <v>5.47</v>
      </c>
      <c r="O13" s="132">
        <v>5.8799999999999998E-2</v>
      </c>
      <c r="P13" s="199">
        <v>7.6999999999999999E-2</v>
      </c>
      <c r="Q13" s="97">
        <v>1.0752108515062402E-2</v>
      </c>
      <c r="R13" s="199">
        <v>0.10100000000000001</v>
      </c>
      <c r="S13" s="97">
        <v>1.2138261197100167E-2</v>
      </c>
      <c r="T13" s="199">
        <v>0.69599999999999995</v>
      </c>
      <c r="U13" s="97">
        <v>1.8482479631536861E-2</v>
      </c>
      <c r="V13" s="199">
        <v>0.127</v>
      </c>
      <c r="W13" s="97">
        <v>1.3402246266285892E-2</v>
      </c>
    </row>
    <row r="14" spans="1:55">
      <c r="A14" s="45" t="s">
        <v>452</v>
      </c>
      <c r="B14" s="53">
        <v>93</v>
      </c>
      <c r="C14" s="84">
        <v>4.88</v>
      </c>
      <c r="D14" s="85">
        <v>0.27440000000000003</v>
      </c>
      <c r="E14" s="198">
        <v>0.159</v>
      </c>
      <c r="F14" s="94">
        <v>7.6821241097751777E-2</v>
      </c>
      <c r="G14" s="198">
        <v>0.23899999999999999</v>
      </c>
      <c r="H14" s="94">
        <v>8.7903740013136278E-2</v>
      </c>
      <c r="I14" s="198">
        <v>0.59199999999999997</v>
      </c>
      <c r="J14" s="94">
        <v>9.9942183044290561E-2</v>
      </c>
      <c r="K14" s="198">
        <v>0.01</v>
      </c>
      <c r="L14" s="94">
        <v>3.4756159089575217E-2</v>
      </c>
      <c r="M14" s="53">
        <v>93</v>
      </c>
      <c r="N14" s="84">
        <v>5.05</v>
      </c>
      <c r="O14" s="85">
        <v>0.31359999999999999</v>
      </c>
      <c r="P14" s="198">
        <v>0.121</v>
      </c>
      <c r="Q14" s="94">
        <v>6.9745167651566659E-2</v>
      </c>
      <c r="R14" s="198">
        <v>0.20300000000000001</v>
      </c>
      <c r="S14" s="94">
        <v>8.3460212067454173E-2</v>
      </c>
      <c r="T14" s="198">
        <v>0.64200000000000002</v>
      </c>
      <c r="U14" s="94">
        <v>9.7698193261037403E-2</v>
      </c>
      <c r="V14" s="198">
        <v>3.4000000000000002E-2</v>
      </c>
      <c r="W14" s="94">
        <v>4.5581918788966065E-2</v>
      </c>
    </row>
    <row r="15" spans="1:55">
      <c r="A15" s="49" t="s">
        <v>172</v>
      </c>
      <c r="B15" s="49">
        <v>246</v>
      </c>
      <c r="C15" s="180">
        <v>5.09</v>
      </c>
      <c r="D15" s="132">
        <v>0.21559999999999999</v>
      </c>
      <c r="E15" s="199">
        <v>0.184</v>
      </c>
      <c r="F15" s="97">
        <v>4.9527984633174808E-2</v>
      </c>
      <c r="G15" s="199">
        <v>0.13700000000000001</v>
      </c>
      <c r="H15" s="97">
        <v>4.4256321606929785E-2</v>
      </c>
      <c r="I15" s="199">
        <v>0.66700000000000004</v>
      </c>
      <c r="J15" s="97">
        <v>5.9732243676727893E-2</v>
      </c>
      <c r="K15" s="199">
        <v>1.2999999999999999E-2</v>
      </c>
      <c r="L15" s="97">
        <v>1.8048686483398173E-2</v>
      </c>
      <c r="M15" s="49">
        <v>246</v>
      </c>
      <c r="N15" s="180">
        <v>5.81</v>
      </c>
      <c r="O15" s="132">
        <v>0.1764</v>
      </c>
      <c r="P15" s="199">
        <v>4.2999999999999997E-2</v>
      </c>
      <c r="Q15" s="97">
        <v>2.7649434759068763E-2</v>
      </c>
      <c r="R15" s="199">
        <v>8.4000000000000005E-2</v>
      </c>
      <c r="S15" s="97">
        <v>3.6318037317894812E-2</v>
      </c>
      <c r="T15" s="199">
        <v>0.78200000000000003</v>
      </c>
      <c r="U15" s="97">
        <v>5.2611848073376016E-2</v>
      </c>
      <c r="V15" s="199">
        <v>9.0999999999999998E-2</v>
      </c>
      <c r="W15" s="97">
        <v>3.7529544215511065E-2</v>
      </c>
    </row>
    <row r="16" spans="1:55" ht="25.5">
      <c r="A16" s="45" t="s">
        <v>436</v>
      </c>
      <c r="B16" s="53">
        <v>97</v>
      </c>
      <c r="C16" s="84">
        <v>4.68</v>
      </c>
      <c r="D16" s="85">
        <v>0.37240000000000001</v>
      </c>
      <c r="E16" s="198">
        <v>0.26300000000000001</v>
      </c>
      <c r="F16" s="94">
        <v>8.8595628282036473E-2</v>
      </c>
      <c r="G16" s="198">
        <v>0.13800000000000001</v>
      </c>
      <c r="H16" s="94">
        <v>7.1512702937900074E-2</v>
      </c>
      <c r="I16" s="198">
        <v>0.59799999999999998</v>
      </c>
      <c r="J16" s="94">
        <v>9.7724942193564812E-2</v>
      </c>
      <c r="K16" s="198">
        <v>0</v>
      </c>
      <c r="L16" s="94">
        <v>2.7725572981612018E-2</v>
      </c>
      <c r="M16" s="53">
        <v>97</v>
      </c>
      <c r="N16" s="84">
        <v>5.76</v>
      </c>
      <c r="O16" s="85">
        <v>0.31359999999999999</v>
      </c>
      <c r="P16" s="198">
        <v>3.6999999999999998E-2</v>
      </c>
      <c r="Q16" s="94">
        <v>4.5500295130442125E-2</v>
      </c>
      <c r="R16" s="198">
        <v>0.1</v>
      </c>
      <c r="S16" s="94">
        <v>6.3689317548746974E-2</v>
      </c>
      <c r="T16" s="198">
        <v>0.80500000000000005</v>
      </c>
      <c r="U16" s="94">
        <v>8.0640360277289602E-2</v>
      </c>
      <c r="V16" s="198">
        <v>5.8999999999999997E-2</v>
      </c>
      <c r="W16" s="94">
        <v>5.2884479863708624E-2</v>
      </c>
    </row>
    <row r="17" spans="1:25" ht="25.5">
      <c r="A17" s="49" t="s">
        <v>437</v>
      </c>
      <c r="B17" s="49">
        <v>116</v>
      </c>
      <c r="C17" s="180">
        <v>5.04</v>
      </c>
      <c r="D17" s="132">
        <v>0.29399999999999998</v>
      </c>
      <c r="E17" s="199">
        <v>0.20799999999999999</v>
      </c>
      <c r="F17" s="97">
        <v>7.5349304108462939E-2</v>
      </c>
      <c r="G17" s="199">
        <v>0.11799999999999999</v>
      </c>
      <c r="H17" s="97">
        <v>6.1547306707629069E-2</v>
      </c>
      <c r="I17" s="199">
        <v>0.65800000000000003</v>
      </c>
      <c r="J17" s="97">
        <v>8.6923822758568109E-2</v>
      </c>
      <c r="K17" s="199">
        <v>1.6E-2</v>
      </c>
      <c r="L17" s="97">
        <v>3.219771328434274E-2</v>
      </c>
      <c r="M17" s="49">
        <v>116</v>
      </c>
      <c r="N17" s="180">
        <v>5.66</v>
      </c>
      <c r="O17" s="132">
        <v>0.25480000000000003</v>
      </c>
      <c r="P17" s="199">
        <v>7.5999999999999998E-2</v>
      </c>
      <c r="Q17" s="97">
        <v>5.2284260077501837E-2</v>
      </c>
      <c r="R17" s="199">
        <v>8.8999999999999996E-2</v>
      </c>
      <c r="S17" s="97">
        <v>5.5423433672048869E-2</v>
      </c>
      <c r="T17" s="199">
        <v>0.72799999999999998</v>
      </c>
      <c r="U17" s="97">
        <v>8.193978276759098E-2</v>
      </c>
      <c r="V17" s="199">
        <v>0.108</v>
      </c>
      <c r="W17" s="97">
        <v>5.9556563838894336E-2</v>
      </c>
    </row>
    <row r="18" spans="1:25">
      <c r="A18" s="45" t="s">
        <v>453</v>
      </c>
      <c r="B18" s="196">
        <v>543</v>
      </c>
      <c r="C18" s="84">
        <v>4.75</v>
      </c>
      <c r="D18" s="85">
        <v>0.13720000000000002</v>
      </c>
      <c r="E18" s="198">
        <v>0.22800000000000001</v>
      </c>
      <c r="F18" s="94">
        <v>3.5986395627928859E-2</v>
      </c>
      <c r="G18" s="198">
        <v>0.187</v>
      </c>
      <c r="H18" s="94">
        <v>3.3499005981206129E-2</v>
      </c>
      <c r="I18" s="198">
        <v>0.57999999999999996</v>
      </c>
      <c r="J18" s="94">
        <v>4.2214154052757795E-2</v>
      </c>
      <c r="K18" s="198">
        <v>6.0000000000000001E-3</v>
      </c>
      <c r="L18" s="94">
        <v>8.3436398643673589E-3</v>
      </c>
      <c r="M18" s="196">
        <v>545</v>
      </c>
      <c r="N18" s="84">
        <v>5.58</v>
      </c>
      <c r="O18" s="85">
        <v>9.8000000000000004E-2</v>
      </c>
      <c r="P18" s="198">
        <v>4.1000000000000002E-2</v>
      </c>
      <c r="Q18" s="94">
        <v>1.7571679627445842E-2</v>
      </c>
      <c r="R18" s="198">
        <v>0.11600000000000001</v>
      </c>
      <c r="S18" s="94">
        <v>2.7617593393058307E-2</v>
      </c>
      <c r="T18" s="198">
        <v>0.74399999999999999</v>
      </c>
      <c r="U18" s="94">
        <v>3.7336494310144158E-2</v>
      </c>
      <c r="V18" s="198">
        <v>9.9000000000000005E-2</v>
      </c>
      <c r="W18" s="94">
        <v>2.5824635980877308E-2</v>
      </c>
    </row>
    <row r="19" spans="1:25" ht="25.5">
      <c r="A19" s="49" t="s">
        <v>438</v>
      </c>
      <c r="B19" s="197">
        <v>82</v>
      </c>
      <c r="C19" s="180">
        <v>3.71</v>
      </c>
      <c r="D19" s="132">
        <v>0.39200000000000002</v>
      </c>
      <c r="E19" s="199">
        <v>0.45600000000000002</v>
      </c>
      <c r="F19" s="97">
        <v>0.10745251083313398</v>
      </c>
      <c r="G19" s="199">
        <v>0.252</v>
      </c>
      <c r="H19" s="97">
        <v>9.5011443321348726E-2</v>
      </c>
      <c r="I19" s="199">
        <v>0.29199999999999998</v>
      </c>
      <c r="J19" s="97">
        <v>9.8987188215914471E-2</v>
      </c>
      <c r="K19" s="199">
        <v>0</v>
      </c>
      <c r="L19" s="97">
        <v>3.2504011252172456E-2</v>
      </c>
      <c r="M19" s="197">
        <v>82</v>
      </c>
      <c r="N19" s="180">
        <v>5.44</v>
      </c>
      <c r="O19" s="132">
        <v>0.29399999999999998</v>
      </c>
      <c r="P19" s="199">
        <v>0.09</v>
      </c>
      <c r="Q19" s="97">
        <v>6.7228715235291073E-2</v>
      </c>
      <c r="R19" s="199">
        <v>0.13900000000000001</v>
      </c>
      <c r="S19" s="97">
        <v>7.821257740778742E-2</v>
      </c>
      <c r="T19" s="199">
        <v>0.626</v>
      </c>
      <c r="U19" s="97">
        <v>0.1046736883395301</v>
      </c>
      <c r="V19" s="199">
        <v>0.14399999999999999</v>
      </c>
      <c r="W19" s="97">
        <v>7.9175760726984928E-2</v>
      </c>
    </row>
    <row r="20" spans="1:25" ht="27" customHeight="1">
      <c r="A20" s="45" t="s">
        <v>439</v>
      </c>
      <c r="B20" s="54">
        <v>79</v>
      </c>
      <c r="C20" s="84">
        <v>5.05</v>
      </c>
      <c r="D20" s="85">
        <v>0.3528</v>
      </c>
      <c r="E20" s="198">
        <v>0.19700000000000001</v>
      </c>
      <c r="F20" s="94">
        <v>8.9665195158598082E-2</v>
      </c>
      <c r="G20" s="198">
        <v>0.161</v>
      </c>
      <c r="H20" s="94">
        <v>8.3849783615393456E-2</v>
      </c>
      <c r="I20" s="198">
        <v>0.628</v>
      </c>
      <c r="J20" s="94">
        <v>0.10645597046199388</v>
      </c>
      <c r="K20" s="198">
        <v>1.4E-2</v>
      </c>
      <c r="L20" s="94">
        <v>4.1664930853609498E-2</v>
      </c>
      <c r="M20" s="54">
        <v>80</v>
      </c>
      <c r="N20" s="84">
        <v>6.14</v>
      </c>
      <c r="O20" s="85">
        <v>0.23519999999999999</v>
      </c>
      <c r="P20" s="198">
        <v>1.9E-2</v>
      </c>
      <c r="Q20" s="94">
        <v>4.3724654064610534E-2</v>
      </c>
      <c r="R20" s="198">
        <v>1.2E-2</v>
      </c>
      <c r="S20" s="94">
        <v>4.0235243897954846E-2</v>
      </c>
      <c r="T20" s="198">
        <v>0.85599999999999998</v>
      </c>
      <c r="U20" s="94">
        <v>8.0192242831758034E-2</v>
      </c>
      <c r="V20" s="198">
        <v>0.113</v>
      </c>
      <c r="W20" s="94">
        <v>7.3728944384406275E-2</v>
      </c>
    </row>
    <row r="21" spans="1:25">
      <c r="A21" s="49" t="s">
        <v>440</v>
      </c>
      <c r="B21" s="197">
        <v>79</v>
      </c>
      <c r="C21" s="180">
        <v>4.13</v>
      </c>
      <c r="D21" s="132">
        <v>0.29399999999999998</v>
      </c>
      <c r="E21" s="199">
        <v>0.33300000000000002</v>
      </c>
      <c r="F21" s="97">
        <v>0.10407002345586444</v>
      </c>
      <c r="G21" s="199">
        <v>0.25800000000000001</v>
      </c>
      <c r="H21" s="97">
        <v>9.7423360171511569E-2</v>
      </c>
      <c r="I21" s="199">
        <v>0.41</v>
      </c>
      <c r="J21" s="97">
        <v>0.10814134220352202</v>
      </c>
      <c r="K21" s="199">
        <v>0</v>
      </c>
      <c r="L21" s="97">
        <v>3.3664360151118053E-2</v>
      </c>
      <c r="M21" s="197">
        <v>79</v>
      </c>
      <c r="N21" s="180">
        <v>5.71</v>
      </c>
      <c r="O21" s="132">
        <v>0.23519999999999999</v>
      </c>
      <c r="P21" s="199">
        <v>0</v>
      </c>
      <c r="Q21" s="97">
        <v>3.3664360151118053E-2</v>
      </c>
      <c r="R21" s="199">
        <v>0.122</v>
      </c>
      <c r="S21" s="97">
        <v>7.6222912643736193E-2</v>
      </c>
      <c r="T21" s="199">
        <v>0.86699999999999999</v>
      </c>
      <c r="U21" s="97">
        <v>7.8534851835206712E-2</v>
      </c>
      <c r="V21" s="199">
        <v>0.01</v>
      </c>
      <c r="W21" s="97">
        <v>3.9566644133682993E-2</v>
      </c>
    </row>
    <row r="22" spans="1:25">
      <c r="A22" s="57" t="s">
        <v>441</v>
      </c>
      <c r="B22" s="196">
        <v>74</v>
      </c>
      <c r="C22" s="84">
        <v>4.7</v>
      </c>
      <c r="D22" s="85">
        <v>0.29399999999999998</v>
      </c>
      <c r="E22" s="198">
        <v>0.24199999999999999</v>
      </c>
      <c r="F22" s="94">
        <v>9.8732485929803895E-2</v>
      </c>
      <c r="G22" s="198">
        <v>0.17299999999999999</v>
      </c>
      <c r="H22" s="94">
        <v>8.8797340518758608E-2</v>
      </c>
      <c r="I22" s="198">
        <v>0.57099999999999995</v>
      </c>
      <c r="J22" s="94">
        <v>0.11219551811819677</v>
      </c>
      <c r="K22" s="198">
        <v>1.4E-2</v>
      </c>
      <c r="L22" s="94">
        <v>4.3799116608535145E-2</v>
      </c>
      <c r="M22" s="196">
        <v>75</v>
      </c>
      <c r="N22" s="84">
        <v>5.31</v>
      </c>
      <c r="O22" s="85">
        <v>0.27440000000000003</v>
      </c>
      <c r="P22" s="198">
        <v>0.05</v>
      </c>
      <c r="Q22" s="94">
        <v>5.845573096891233E-2</v>
      </c>
      <c r="R22" s="198">
        <v>0.13700000000000001</v>
      </c>
      <c r="S22" s="94">
        <v>8.1516289001630216E-2</v>
      </c>
      <c r="T22" s="198">
        <v>0.66300000000000003</v>
      </c>
      <c r="U22" s="94">
        <v>0.10698477755680598</v>
      </c>
      <c r="V22" s="198">
        <v>0.15</v>
      </c>
      <c r="W22" s="94">
        <v>8.4070799294229739E-2</v>
      </c>
    </row>
    <row r="23" spans="1:25" ht="25.5">
      <c r="A23" s="49" t="s">
        <v>442</v>
      </c>
      <c r="B23" s="197">
        <v>112</v>
      </c>
      <c r="C23" s="180">
        <v>3.94</v>
      </c>
      <c r="D23" s="132">
        <v>0.31359999999999999</v>
      </c>
      <c r="E23" s="199">
        <v>0.40100000000000002</v>
      </c>
      <c r="F23" s="97">
        <v>9.1135230526632235E-2</v>
      </c>
      <c r="G23" s="199">
        <v>0.20399999999999999</v>
      </c>
      <c r="H23" s="97">
        <v>7.618541403105232E-2</v>
      </c>
      <c r="I23" s="199">
        <v>0.38200000000000001</v>
      </c>
      <c r="J23" s="97">
        <v>9.0405164519414258E-2</v>
      </c>
      <c r="K23" s="199">
        <v>1.2999999999999999E-2</v>
      </c>
      <c r="L23" s="97">
        <v>3.1571197281151472E-2</v>
      </c>
      <c r="M23" s="197">
        <v>114</v>
      </c>
      <c r="N23" s="180">
        <v>5.26</v>
      </c>
      <c r="O23" s="132">
        <v>0.27440000000000003</v>
      </c>
      <c r="P23" s="199">
        <v>8.4000000000000005E-2</v>
      </c>
      <c r="Q23" s="97">
        <v>5.4765370838250879E-2</v>
      </c>
      <c r="R23" s="199">
        <v>0.11600000000000001</v>
      </c>
      <c r="S23" s="97">
        <v>6.1718765100707923E-2</v>
      </c>
      <c r="T23" s="199">
        <v>0.60799999999999998</v>
      </c>
      <c r="U23" s="97">
        <v>9.0030762466892386E-2</v>
      </c>
      <c r="V23" s="199">
        <v>0.192</v>
      </c>
      <c r="W23" s="97">
        <v>7.3980860985987634E-2</v>
      </c>
    </row>
    <row r="24" spans="1:25">
      <c r="A24" s="57" t="s">
        <v>443</v>
      </c>
      <c r="B24" s="196">
        <v>171</v>
      </c>
      <c r="C24" s="84">
        <v>5.4</v>
      </c>
      <c r="D24" s="85">
        <v>0.21559999999999999</v>
      </c>
      <c r="E24" s="198">
        <v>0.107</v>
      </c>
      <c r="F24" s="94">
        <v>4.8410349304806831E-2</v>
      </c>
      <c r="G24" s="198">
        <v>0.125</v>
      </c>
      <c r="H24" s="94">
        <v>5.1432086047706237E-2</v>
      </c>
      <c r="I24" s="198">
        <v>0.76200000000000001</v>
      </c>
      <c r="J24" s="94">
        <v>6.4932166528430285E-2</v>
      </c>
      <c r="K24" s="198">
        <v>6.0000000000000001E-3</v>
      </c>
      <c r="L24" s="94">
        <v>1.9707828796488976E-2</v>
      </c>
      <c r="M24" s="196">
        <v>171</v>
      </c>
      <c r="N24" s="84">
        <v>5.48</v>
      </c>
      <c r="O24" s="85">
        <v>0.1764</v>
      </c>
      <c r="P24" s="198">
        <v>4.4999999999999998E-2</v>
      </c>
      <c r="Q24" s="94">
        <v>3.4585162797278919E-2</v>
      </c>
      <c r="R24" s="198">
        <v>0.14000000000000001</v>
      </c>
      <c r="S24" s="94">
        <v>5.3720304656261181E-2</v>
      </c>
      <c r="T24" s="198">
        <v>0.71099999999999997</v>
      </c>
      <c r="U24" s="94">
        <v>6.8866908622068623E-2</v>
      </c>
      <c r="V24" s="198">
        <v>0.10299999999999999</v>
      </c>
      <c r="W24" s="94">
        <v>4.7692740434917551E-2</v>
      </c>
    </row>
    <row r="25" spans="1:25">
      <c r="A25" s="49" t="s">
        <v>455</v>
      </c>
      <c r="B25" s="197">
        <v>149</v>
      </c>
      <c r="C25" s="180">
        <v>4.3099999999999996</v>
      </c>
      <c r="D25" s="132">
        <v>0.23519999999999999</v>
      </c>
      <c r="E25" s="199">
        <v>0.312</v>
      </c>
      <c r="F25" s="97">
        <v>7.5230346877286372E-2</v>
      </c>
      <c r="G25" s="199">
        <v>0.20300000000000001</v>
      </c>
      <c r="H25" s="97">
        <v>6.5945698524620108E-2</v>
      </c>
      <c r="I25" s="199">
        <v>0.48499999999999999</v>
      </c>
      <c r="J25" s="97">
        <v>8.0810698010299525E-2</v>
      </c>
      <c r="K25" s="199">
        <v>0</v>
      </c>
      <c r="L25" s="97">
        <v>1.8365227853566944E-2</v>
      </c>
      <c r="M25" s="197">
        <v>150</v>
      </c>
      <c r="N25" s="180">
        <v>5.42</v>
      </c>
      <c r="O25" s="132">
        <v>0.21559999999999999</v>
      </c>
      <c r="P25" s="199">
        <v>5.5E-2</v>
      </c>
      <c r="Q25" s="97">
        <v>4.0171197091122962E-2</v>
      </c>
      <c r="R25" s="199">
        <v>9.8000000000000004E-2</v>
      </c>
      <c r="S25" s="97">
        <v>5.0112078758667779E-2</v>
      </c>
      <c r="T25" s="199">
        <v>0.64600000000000002</v>
      </c>
      <c r="U25" s="97">
        <v>7.7254335201415114E-2</v>
      </c>
      <c r="V25" s="199">
        <v>0.20100000000000001</v>
      </c>
      <c r="W25" s="97">
        <v>6.5501639397605324E-2</v>
      </c>
    </row>
    <row r="26" spans="1:25">
      <c r="A26" s="57" t="s">
        <v>444</v>
      </c>
      <c r="B26" s="196">
        <v>89</v>
      </c>
      <c r="C26" s="84">
        <v>4.12</v>
      </c>
      <c r="D26" s="85">
        <v>0.31359999999999999</v>
      </c>
      <c r="E26" s="198">
        <v>0.35</v>
      </c>
      <c r="F26" s="94">
        <v>9.9329766962444513E-2</v>
      </c>
      <c r="G26" s="198">
        <v>0.245</v>
      </c>
      <c r="H26" s="94">
        <v>9.0505927334897929E-2</v>
      </c>
      <c r="I26" s="198">
        <v>0.40500000000000003</v>
      </c>
      <c r="J26" s="94">
        <v>0.10196660817841227</v>
      </c>
      <c r="K26" s="198">
        <v>0</v>
      </c>
      <c r="L26" s="94">
        <v>3.0084393934100805E-2</v>
      </c>
      <c r="M26" s="196">
        <v>89</v>
      </c>
      <c r="N26" s="84">
        <v>5.55</v>
      </c>
      <c r="O26" s="85">
        <v>0.25480000000000003</v>
      </c>
      <c r="P26" s="198">
        <v>4.7E-2</v>
      </c>
      <c r="Q26" s="94">
        <v>5.1666326409793191E-2</v>
      </c>
      <c r="R26" s="198">
        <v>8.1000000000000003E-2</v>
      </c>
      <c r="S26" s="94">
        <v>6.1945604597938672E-2</v>
      </c>
      <c r="T26" s="198">
        <v>0.70399999999999996</v>
      </c>
      <c r="U26" s="94">
        <v>9.5464204741334172E-2</v>
      </c>
      <c r="V26" s="198">
        <v>0.16800000000000001</v>
      </c>
      <c r="W26" s="94">
        <v>8.006817747913085E-2</v>
      </c>
    </row>
    <row r="27" spans="1:25">
      <c r="A27" s="49" t="s">
        <v>454</v>
      </c>
      <c r="B27" s="197">
        <v>254</v>
      </c>
      <c r="C27" s="180">
        <v>4.43</v>
      </c>
      <c r="D27" s="132">
        <v>0.21559999999999999</v>
      </c>
      <c r="E27" s="199">
        <v>0.26400000000000001</v>
      </c>
      <c r="F27" s="97">
        <v>5.5127423934817496E-2</v>
      </c>
      <c r="G27" s="199">
        <v>0.224</v>
      </c>
      <c r="H27" s="97">
        <v>5.2261675535927199E-2</v>
      </c>
      <c r="I27" s="199">
        <v>0.49199999999999999</v>
      </c>
      <c r="J27" s="97">
        <v>6.2249556408547839E-2</v>
      </c>
      <c r="K27" s="199">
        <v>0.02</v>
      </c>
      <c r="L27" s="97">
        <v>2.0341581028752227E-2</v>
      </c>
      <c r="M27" s="197">
        <v>259</v>
      </c>
      <c r="N27" s="180">
        <v>5.12</v>
      </c>
      <c r="O27" s="132">
        <v>0.21559999999999999</v>
      </c>
      <c r="P27" s="199">
        <v>0.115</v>
      </c>
      <c r="Q27" s="97">
        <v>4.0199021649946924E-2</v>
      </c>
      <c r="R27" s="199">
        <v>0.11</v>
      </c>
      <c r="S27" s="97">
        <v>3.9481705361132019E-2</v>
      </c>
      <c r="T27" s="199">
        <v>0.55800000000000005</v>
      </c>
      <c r="U27" s="97">
        <v>6.1258977626424342E-2</v>
      </c>
      <c r="V27" s="199">
        <v>0.217</v>
      </c>
      <c r="W27" s="97">
        <v>5.1195389721335936E-2</v>
      </c>
    </row>
    <row r="28" spans="1:25" ht="25.5">
      <c r="A28" s="57" t="s">
        <v>445</v>
      </c>
      <c r="B28" s="196">
        <v>111</v>
      </c>
      <c r="C28" s="84">
        <v>4.47</v>
      </c>
      <c r="D28" s="85">
        <v>0.31359999999999999</v>
      </c>
      <c r="E28" s="198">
        <v>0.19700000000000001</v>
      </c>
      <c r="F28" s="94">
        <v>7.5634507830212666E-2</v>
      </c>
      <c r="G28" s="198">
        <v>0.28899999999999998</v>
      </c>
      <c r="H28" s="94">
        <v>8.5164240343700792E-2</v>
      </c>
      <c r="I28" s="198">
        <v>0.51300000000000001</v>
      </c>
      <c r="J28" s="94">
        <v>9.3221112007115553E-2</v>
      </c>
      <c r="K28" s="198">
        <v>0</v>
      </c>
      <c r="L28" s="94">
        <v>2.4380210707016403E-2</v>
      </c>
      <c r="M28" s="196">
        <v>112</v>
      </c>
      <c r="N28" s="84">
        <v>5.57</v>
      </c>
      <c r="O28" s="85">
        <v>0.27440000000000003</v>
      </c>
      <c r="P28" s="198">
        <v>5.2999999999999999E-2</v>
      </c>
      <c r="Q28" s="94">
        <v>4.6879650028353731E-2</v>
      </c>
      <c r="R28" s="198">
        <v>8.5000000000000006E-2</v>
      </c>
      <c r="S28" s="94">
        <v>5.5537436965997472E-2</v>
      </c>
      <c r="T28" s="198">
        <v>0.70099999999999996</v>
      </c>
      <c r="U28" s="94">
        <v>8.5568532046877546E-2</v>
      </c>
      <c r="V28" s="198">
        <v>0.161</v>
      </c>
      <c r="W28" s="94">
        <v>7.0188892472469983E-2</v>
      </c>
    </row>
    <row r="29" spans="1:25">
      <c r="A29" s="49" t="s">
        <v>471</v>
      </c>
      <c r="B29" s="197">
        <v>89</v>
      </c>
      <c r="C29" s="180">
        <v>4.8600000000000003</v>
      </c>
      <c r="D29" s="132">
        <v>0.3332</v>
      </c>
      <c r="E29" s="199">
        <v>0.161</v>
      </c>
      <c r="F29" s="97">
        <v>7.8904347211428957E-2</v>
      </c>
      <c r="G29" s="199">
        <v>0.22800000000000001</v>
      </c>
      <c r="H29" s="97">
        <v>8.8534872593311359E-2</v>
      </c>
      <c r="I29" s="199">
        <v>0.57499999999999996</v>
      </c>
      <c r="J29" s="97">
        <v>0.10262122967610378</v>
      </c>
      <c r="K29" s="199">
        <v>3.5000000000000003E-2</v>
      </c>
      <c r="L29" s="97">
        <v>4.7280903872152676E-2</v>
      </c>
      <c r="M29" s="197">
        <v>91</v>
      </c>
      <c r="N29" s="180">
        <v>4.79</v>
      </c>
      <c r="O29" s="132">
        <v>0.41159999999999997</v>
      </c>
      <c r="P29" s="199">
        <v>0.17899999999999999</v>
      </c>
      <c r="Q29" s="97">
        <v>8.0903701112920473E-2</v>
      </c>
      <c r="R29" s="199">
        <v>0.104</v>
      </c>
      <c r="S29" s="97">
        <v>6.6842012048705921E-2</v>
      </c>
      <c r="T29" s="199">
        <v>0.48199999999999998</v>
      </c>
      <c r="U29" s="97">
        <v>0.10253681440158466</v>
      </c>
      <c r="V29" s="199">
        <v>0.23499999999999999</v>
      </c>
      <c r="W29" s="97">
        <v>8.839247064757158E-2</v>
      </c>
    </row>
    <row r="30" spans="1:25" ht="25.5">
      <c r="A30" s="57" t="s">
        <v>442</v>
      </c>
      <c r="B30" s="196">
        <v>112</v>
      </c>
      <c r="C30" s="84">
        <v>3.94</v>
      </c>
      <c r="D30" s="85">
        <v>0.31359999999999999</v>
      </c>
      <c r="E30" s="198">
        <v>0.40100000000000002</v>
      </c>
      <c r="F30" s="94">
        <v>9.1135230526632235E-2</v>
      </c>
      <c r="G30" s="198">
        <v>0.20399999999999999</v>
      </c>
      <c r="H30" s="94">
        <v>7.618541403105232E-2</v>
      </c>
      <c r="I30" s="198">
        <v>0.38200000000000001</v>
      </c>
      <c r="J30" s="94">
        <v>9.0405164519414258E-2</v>
      </c>
      <c r="K30" s="198">
        <v>1.2999999999999999E-2</v>
      </c>
      <c r="L30" s="94">
        <v>3.1571197281151472E-2</v>
      </c>
      <c r="M30" s="196">
        <v>114</v>
      </c>
      <c r="N30" s="84">
        <v>5.26</v>
      </c>
      <c r="O30" s="85">
        <v>0.27440000000000003</v>
      </c>
      <c r="P30" s="198">
        <v>8.4000000000000005E-2</v>
      </c>
      <c r="Q30" s="94">
        <v>5.4765370838250879E-2</v>
      </c>
      <c r="R30" s="198">
        <v>0.11600000000000001</v>
      </c>
      <c r="S30" s="94">
        <v>6.1718765100707923E-2</v>
      </c>
      <c r="T30" s="198">
        <v>0.60799999999999998</v>
      </c>
      <c r="U30" s="94">
        <v>9.0030762466892386E-2</v>
      </c>
      <c r="V30" s="198">
        <v>0.192</v>
      </c>
      <c r="W30" s="94">
        <v>7.3980860985987634E-2</v>
      </c>
    </row>
    <row r="32" spans="1:25" ht="18.75">
      <c r="A32" s="320" t="s">
        <v>49</v>
      </c>
      <c r="B32" s="320"/>
      <c r="C32" s="320"/>
      <c r="D32" s="320"/>
      <c r="E32" s="320"/>
      <c r="F32" s="320"/>
      <c r="G32" s="320"/>
      <c r="H32" s="320"/>
      <c r="I32" s="320"/>
      <c r="J32" s="320"/>
      <c r="K32" s="320"/>
      <c r="L32" s="320"/>
      <c r="M32" s="320"/>
      <c r="N32" s="320"/>
      <c r="O32" s="320"/>
      <c r="P32" s="320"/>
      <c r="Q32" s="320"/>
      <c r="R32" s="320"/>
      <c r="S32" s="320"/>
      <c r="T32" s="320"/>
      <c r="U32" s="320"/>
      <c r="V32" s="320"/>
      <c r="W32" s="333"/>
      <c r="X32" s="333"/>
      <c r="Y32" s="333"/>
    </row>
    <row r="33" spans="1:43" ht="56.25" customHeight="1">
      <c r="A33" s="427" t="s">
        <v>500</v>
      </c>
      <c r="B33" s="427"/>
      <c r="C33" s="427"/>
      <c r="D33" s="427"/>
      <c r="E33" s="427"/>
      <c r="F33" s="427"/>
      <c r="G33" s="427"/>
      <c r="H33" s="427"/>
      <c r="I33" s="427"/>
      <c r="J33" s="427"/>
      <c r="K33" s="427"/>
      <c r="L33" s="427"/>
      <c r="M33" s="427"/>
      <c r="N33" s="427"/>
      <c r="O33" s="427"/>
      <c r="P33" s="427"/>
      <c r="Q33" s="427"/>
      <c r="R33" s="427"/>
      <c r="S33" s="427"/>
      <c r="T33" s="427"/>
      <c r="U33" s="427"/>
      <c r="V33" s="427"/>
      <c r="W33" s="427"/>
      <c r="X33" s="333"/>
      <c r="Y33" s="333"/>
    </row>
    <row r="34" spans="1:43" ht="36" customHeight="1">
      <c r="A34" s="64"/>
      <c r="B34" s="346" t="s">
        <v>164</v>
      </c>
      <c r="C34" s="347"/>
      <c r="D34" s="347"/>
      <c r="E34" s="347"/>
      <c r="F34" s="347"/>
      <c r="G34" s="347"/>
      <c r="H34" s="347"/>
      <c r="I34" s="347"/>
      <c r="J34" s="347"/>
      <c r="K34" s="347"/>
      <c r="L34" s="349"/>
      <c r="M34" s="425" t="s">
        <v>165</v>
      </c>
      <c r="N34" s="426"/>
      <c r="O34" s="426"/>
      <c r="P34" s="426"/>
      <c r="Q34" s="426"/>
      <c r="R34" s="426"/>
      <c r="S34" s="426"/>
      <c r="T34" s="426"/>
      <c r="U34" s="426"/>
      <c r="V34" s="426"/>
      <c r="W34" s="336"/>
      <c r="X34" s="336"/>
      <c r="Y34" s="336"/>
      <c r="Z34" s="336"/>
      <c r="AA34" s="336"/>
      <c r="AB34" s="336"/>
      <c r="AC34" s="336"/>
      <c r="AD34" s="336"/>
      <c r="AE34" s="336"/>
      <c r="AF34" s="336"/>
      <c r="AG34" s="336"/>
      <c r="AH34" s="336"/>
      <c r="AI34" s="336"/>
      <c r="AJ34" s="336"/>
      <c r="AK34" s="336"/>
      <c r="AL34" s="336"/>
      <c r="AM34" s="336"/>
      <c r="AN34" s="336"/>
      <c r="AO34" s="336"/>
      <c r="AP34" s="336"/>
      <c r="AQ34" s="336"/>
    </row>
    <row r="35" spans="1:43" ht="41.25" customHeight="1">
      <c r="A35" s="37" t="s">
        <v>85</v>
      </c>
      <c r="B35" s="38" t="s">
        <v>86</v>
      </c>
      <c r="C35" s="39" t="s">
        <v>87</v>
      </c>
      <c r="D35" s="40" t="s">
        <v>88</v>
      </c>
      <c r="E35" s="38" t="s">
        <v>367</v>
      </c>
      <c r="F35" s="89" t="s">
        <v>162</v>
      </c>
      <c r="G35" s="38" t="s">
        <v>368</v>
      </c>
      <c r="H35" s="89" t="s">
        <v>163</v>
      </c>
      <c r="I35" s="38" t="s">
        <v>369</v>
      </c>
      <c r="J35" s="89" t="s">
        <v>136</v>
      </c>
      <c r="K35" s="38" t="s">
        <v>356</v>
      </c>
      <c r="L35" s="89" t="s">
        <v>370</v>
      </c>
      <c r="M35" s="65" t="s">
        <v>86</v>
      </c>
      <c r="N35" s="66" t="s">
        <v>87</v>
      </c>
      <c r="O35" s="65" t="s">
        <v>367</v>
      </c>
      <c r="P35" s="88" t="s">
        <v>162</v>
      </c>
      <c r="Q35" s="65" t="s">
        <v>371</v>
      </c>
      <c r="R35" s="88" t="s">
        <v>372</v>
      </c>
      <c r="S35" s="65" t="s">
        <v>369</v>
      </c>
      <c r="T35" s="88" t="s">
        <v>136</v>
      </c>
      <c r="U35" s="65" t="s">
        <v>356</v>
      </c>
      <c r="V35" s="88" t="s">
        <v>370</v>
      </c>
    </row>
    <row r="36" spans="1:43" ht="72">
      <c r="A36" s="41"/>
      <c r="B36" s="42" t="s">
        <v>89</v>
      </c>
      <c r="C36" s="128" t="s">
        <v>359</v>
      </c>
      <c r="D36" s="44" t="s">
        <v>91</v>
      </c>
      <c r="E36" s="42" t="s">
        <v>182</v>
      </c>
      <c r="F36" s="91" t="s">
        <v>104</v>
      </c>
      <c r="G36" s="42" t="s">
        <v>183</v>
      </c>
      <c r="H36" s="91" t="s">
        <v>104</v>
      </c>
      <c r="I36" s="42" t="s">
        <v>184</v>
      </c>
      <c r="J36" s="91" t="s">
        <v>104</v>
      </c>
      <c r="K36" s="42" t="s">
        <v>356</v>
      </c>
      <c r="L36" s="91" t="s">
        <v>104</v>
      </c>
      <c r="M36" s="68" t="s">
        <v>89</v>
      </c>
      <c r="N36" s="282" t="s">
        <v>359</v>
      </c>
      <c r="O36" s="68" t="s">
        <v>182</v>
      </c>
      <c r="P36" s="90" t="s">
        <v>104</v>
      </c>
      <c r="Q36" s="68" t="s">
        <v>183</v>
      </c>
      <c r="R36" s="90" t="s">
        <v>104</v>
      </c>
      <c r="S36" s="68" t="s">
        <v>184</v>
      </c>
      <c r="T36" s="90" t="s">
        <v>104</v>
      </c>
      <c r="U36" s="68" t="s">
        <v>356</v>
      </c>
      <c r="V36" s="90" t="s">
        <v>104</v>
      </c>
    </row>
    <row r="37" spans="1:43">
      <c r="A37" s="45" t="s">
        <v>430</v>
      </c>
      <c r="B37" s="196">
        <v>10997</v>
      </c>
      <c r="C37" s="84">
        <v>4.3899999999999997</v>
      </c>
      <c r="D37" s="85">
        <v>3.9199999999999999E-2</v>
      </c>
      <c r="E37" s="198">
        <v>0.26700000000000002</v>
      </c>
      <c r="F37" s="94">
        <v>8.4365585026298495E-3</v>
      </c>
      <c r="G37" s="198">
        <v>0.224</v>
      </c>
      <c r="H37" s="94">
        <v>7.9512967459353778E-3</v>
      </c>
      <c r="I37" s="198">
        <v>0.504</v>
      </c>
      <c r="J37" s="94">
        <v>9.5338876527077572E-3</v>
      </c>
      <c r="K37" s="198">
        <v>6.0000000000000001E-3</v>
      </c>
      <c r="L37" s="85">
        <v>3.9199999999999999E-2</v>
      </c>
      <c r="M37" s="196">
        <v>10977</v>
      </c>
      <c r="N37" s="84">
        <v>3.88</v>
      </c>
      <c r="O37" s="198">
        <v>0.41699999999999998</v>
      </c>
      <c r="P37" s="94">
        <v>9.4105679895937332E-3</v>
      </c>
      <c r="Q37" s="198">
        <v>0.15</v>
      </c>
      <c r="R37" s="94">
        <v>6.8173572997118521E-3</v>
      </c>
      <c r="S37" s="198">
        <v>0.40899999999999997</v>
      </c>
      <c r="T37" s="94">
        <v>9.383608132361736E-3</v>
      </c>
      <c r="U37" s="198">
        <v>2.5000000000000001E-2</v>
      </c>
      <c r="V37" s="94">
        <v>2.9897889479471949E-3</v>
      </c>
    </row>
    <row r="38" spans="1:43">
      <c r="A38" s="49" t="s">
        <v>431</v>
      </c>
      <c r="B38" s="49">
        <v>8852</v>
      </c>
      <c r="C38" s="180">
        <v>4.1399999999999997</v>
      </c>
      <c r="D38" s="132">
        <v>3.9199999999999999E-2</v>
      </c>
      <c r="E38" s="199">
        <v>0.32900000000000001</v>
      </c>
      <c r="F38" s="97">
        <v>9.9861106946665928E-3</v>
      </c>
      <c r="G38" s="199">
        <v>0.24099999999999999</v>
      </c>
      <c r="H38" s="97">
        <v>9.0910178186695816E-3</v>
      </c>
      <c r="I38" s="199">
        <v>0.42899999999999999</v>
      </c>
      <c r="J38" s="97">
        <v>1.0518696579988291E-2</v>
      </c>
      <c r="K38" s="199">
        <v>1E-3</v>
      </c>
      <c r="L38" s="132">
        <v>3.9199999999999999E-2</v>
      </c>
      <c r="M38" s="49">
        <v>8830</v>
      </c>
      <c r="N38" s="180">
        <v>3.23</v>
      </c>
      <c r="O38" s="199">
        <v>0.55700000000000005</v>
      </c>
      <c r="P38" s="97">
        <v>1.0570203476782556E-2</v>
      </c>
      <c r="Q38" s="199">
        <v>0.15</v>
      </c>
      <c r="R38" s="97">
        <v>7.6014282557568319E-3</v>
      </c>
      <c r="S38" s="199">
        <v>0.26300000000000001</v>
      </c>
      <c r="T38" s="97">
        <v>9.3695747639774892E-3</v>
      </c>
      <c r="U38" s="199">
        <v>0.03</v>
      </c>
      <c r="V38" s="97">
        <v>3.6423787895321488E-3</v>
      </c>
    </row>
    <row r="39" spans="1:43">
      <c r="A39" s="45" t="s">
        <v>432</v>
      </c>
      <c r="B39" s="53">
        <v>1980</v>
      </c>
      <c r="C39" s="84">
        <v>4.99</v>
      </c>
      <c r="D39" s="85">
        <v>5.8799999999999998E-2</v>
      </c>
      <c r="E39" s="198">
        <v>0.13</v>
      </c>
      <c r="F39" s="94">
        <v>1.51372390937506E-2</v>
      </c>
      <c r="G39" s="198">
        <v>0.1817</v>
      </c>
      <c r="H39" s="94">
        <v>1.7337565612587019E-2</v>
      </c>
      <c r="I39" s="198">
        <v>0.67730000000000001</v>
      </c>
      <c r="J39" s="94">
        <v>2.0997855949697764E-2</v>
      </c>
      <c r="K39" s="198">
        <v>1.0999999999999999E-2</v>
      </c>
      <c r="L39" s="85">
        <v>7.8399999999999997E-2</v>
      </c>
      <c r="M39" s="53">
        <v>1983</v>
      </c>
      <c r="N39" s="84">
        <v>5.2</v>
      </c>
      <c r="O39" s="198">
        <v>0.1368</v>
      </c>
      <c r="P39" s="94">
        <v>1.5452662235919977E-2</v>
      </c>
      <c r="Q39" s="198">
        <v>0.14319999999999999</v>
      </c>
      <c r="R39" s="94">
        <v>1.5748769975711965E-2</v>
      </c>
      <c r="S39" s="198">
        <v>0.70199999999999996</v>
      </c>
      <c r="T39" s="94">
        <v>2.0529484289342082E-2</v>
      </c>
      <c r="U39" s="198">
        <v>1.7999999999999999E-2</v>
      </c>
      <c r="V39" s="94">
        <v>6.120815910818438E-3</v>
      </c>
    </row>
    <row r="40" spans="1:43">
      <c r="A40" s="49" t="s">
        <v>433</v>
      </c>
      <c r="B40" s="49">
        <v>132</v>
      </c>
      <c r="C40" s="180">
        <v>5.35</v>
      </c>
      <c r="D40" s="132">
        <v>0.23519999999999999</v>
      </c>
      <c r="E40" s="199">
        <v>0.111</v>
      </c>
      <c r="F40" s="97">
        <v>5.6216319269482833E-2</v>
      </c>
      <c r="G40" s="199">
        <v>0.129</v>
      </c>
      <c r="H40" s="97">
        <v>5.9492081233498473E-2</v>
      </c>
      <c r="I40" s="199">
        <v>0.747</v>
      </c>
      <c r="J40" s="97">
        <v>7.524997337391072E-2</v>
      </c>
      <c r="K40" s="199">
        <v>1.2999999999999999E-2</v>
      </c>
      <c r="L40" s="132">
        <v>0.27440000000000003</v>
      </c>
      <c r="M40" s="49">
        <v>133</v>
      </c>
      <c r="N40" s="180">
        <v>5.09</v>
      </c>
      <c r="O40" s="199">
        <v>0.185</v>
      </c>
      <c r="P40" s="97">
        <v>6.7593584608562379E-2</v>
      </c>
      <c r="Q40" s="199">
        <v>0.14099999999999999</v>
      </c>
      <c r="R40" s="97">
        <v>6.1260489806683721E-2</v>
      </c>
      <c r="S40" s="199">
        <v>0.66800000000000004</v>
      </c>
      <c r="T40" s="97">
        <v>8.0762797081242996E-2</v>
      </c>
      <c r="U40" s="199">
        <v>7.0000000000000001E-3</v>
      </c>
      <c r="V40" s="97">
        <v>2.4724142565546402E-2</v>
      </c>
    </row>
    <row r="41" spans="1:43">
      <c r="A41" s="45" t="s">
        <v>434</v>
      </c>
      <c r="B41" s="53">
        <v>3072</v>
      </c>
      <c r="C41" s="84">
        <v>4.37</v>
      </c>
      <c r="D41" s="85">
        <v>5.8799999999999998E-2</v>
      </c>
      <c r="E41" s="198">
        <v>0.26100000000000001</v>
      </c>
      <c r="F41" s="94">
        <v>1.5843326817600603E-2</v>
      </c>
      <c r="G41" s="198">
        <v>0.224</v>
      </c>
      <c r="H41" s="94">
        <v>1.5043153712855554E-2</v>
      </c>
      <c r="I41" s="198">
        <v>0.51</v>
      </c>
      <c r="J41" s="94">
        <v>1.8026864070882311E-2</v>
      </c>
      <c r="K41" s="198">
        <v>6.0000000000000001E-3</v>
      </c>
      <c r="L41" s="85">
        <v>7.8399999999999997E-2</v>
      </c>
      <c r="M41" s="53">
        <v>3064</v>
      </c>
      <c r="N41" s="84">
        <v>3.89</v>
      </c>
      <c r="O41" s="198">
        <v>0.42</v>
      </c>
      <c r="P41" s="94">
        <v>1.7821974830372286E-2</v>
      </c>
      <c r="Q41" s="198">
        <v>0.13500000000000001</v>
      </c>
      <c r="R41" s="94">
        <v>1.2357250930353883E-2</v>
      </c>
      <c r="S41" s="198">
        <v>0.41799999999999998</v>
      </c>
      <c r="T41" s="94">
        <v>1.7810150549706333E-2</v>
      </c>
      <c r="U41" s="198">
        <v>2.8000000000000001E-2</v>
      </c>
      <c r="V41" s="94">
        <v>6.0200170637720951E-3</v>
      </c>
    </row>
    <row r="42" spans="1:43">
      <c r="A42" s="49" t="s">
        <v>435</v>
      </c>
      <c r="B42" s="49">
        <v>2481</v>
      </c>
      <c r="C42" s="180">
        <v>4.08</v>
      </c>
      <c r="D42" s="132">
        <v>5.8799999999999998E-2</v>
      </c>
      <c r="E42" s="199">
        <v>0.32600000000000001</v>
      </c>
      <c r="F42" s="97">
        <v>1.8810562107003687E-2</v>
      </c>
      <c r="G42" s="199">
        <v>0.248</v>
      </c>
      <c r="H42" s="97">
        <v>1.7335615977648079E-2</v>
      </c>
      <c r="I42" s="199">
        <v>0.42199999999999999</v>
      </c>
      <c r="J42" s="97">
        <v>1.9815469458633331E-2</v>
      </c>
      <c r="K42" s="199">
        <v>3.0000000000000001E-3</v>
      </c>
      <c r="L42" s="132">
        <v>7.8399999999999997E-2</v>
      </c>
      <c r="M42" s="49">
        <v>2475</v>
      </c>
      <c r="N42" s="180">
        <v>3.21</v>
      </c>
      <c r="O42" s="199">
        <v>0.55700000000000005</v>
      </c>
      <c r="P42" s="97">
        <v>1.9954020418997607E-2</v>
      </c>
      <c r="Q42" s="199">
        <v>0.13900000000000001</v>
      </c>
      <c r="R42" s="97">
        <v>1.3920724121713978E-2</v>
      </c>
      <c r="S42" s="199">
        <v>0.26600000000000001</v>
      </c>
      <c r="T42" s="97">
        <v>1.7757297062048698E-2</v>
      </c>
      <c r="U42" s="199">
        <v>3.7999999999999999E-2</v>
      </c>
      <c r="V42" s="97">
        <v>7.7521354981570168E-3</v>
      </c>
    </row>
    <row r="43" spans="1:43">
      <c r="A43" s="45" t="s">
        <v>452</v>
      </c>
      <c r="B43" s="53">
        <v>93</v>
      </c>
      <c r="C43" s="84">
        <v>4.4400000000000004</v>
      </c>
      <c r="D43" s="85">
        <v>0.3332</v>
      </c>
      <c r="E43" s="198">
        <v>0.25</v>
      </c>
      <c r="F43" s="94">
        <v>8.9107454639762287E-2</v>
      </c>
      <c r="G43" s="198">
        <v>0.19900000000000001</v>
      </c>
      <c r="H43" s="94">
        <v>8.291522946315906E-2</v>
      </c>
      <c r="I43" s="198">
        <v>0.55100000000000005</v>
      </c>
      <c r="J43" s="94">
        <v>0.1010479303367806</v>
      </c>
      <c r="K43" s="198">
        <v>0</v>
      </c>
      <c r="L43" s="85">
        <v>0.37240000000000001</v>
      </c>
      <c r="M43" s="53">
        <v>93</v>
      </c>
      <c r="N43" s="84">
        <v>4.84</v>
      </c>
      <c r="O43" s="198">
        <v>0.24399999999999999</v>
      </c>
      <c r="P43" s="94">
        <v>8.8459341698075344E-2</v>
      </c>
      <c r="Q43" s="198">
        <v>0.113</v>
      </c>
      <c r="R43" s="94">
        <v>6.8059525299354301E-2</v>
      </c>
      <c r="S43" s="198">
        <v>0.625</v>
      </c>
      <c r="T43" s="94">
        <v>9.8574811087726269E-2</v>
      </c>
      <c r="U43" s="198">
        <v>1.9E-2</v>
      </c>
      <c r="V43" s="94">
        <v>3.9233317588252124E-2</v>
      </c>
    </row>
    <row r="44" spans="1:43">
      <c r="A44" s="49" t="s">
        <v>172</v>
      </c>
      <c r="B44" s="49">
        <v>245</v>
      </c>
      <c r="C44" s="180">
        <v>4.6900000000000004</v>
      </c>
      <c r="D44" s="132">
        <v>0.1764</v>
      </c>
      <c r="E44" s="199">
        <v>0.19500000000000001</v>
      </c>
      <c r="F44" s="97">
        <v>5.0688393506162083E-2</v>
      </c>
      <c r="G44" s="199">
        <v>0.22500000000000001</v>
      </c>
      <c r="H44" s="97">
        <v>5.329092737739536E-2</v>
      </c>
      <c r="I44" s="199">
        <v>0.57999999999999996</v>
      </c>
      <c r="J44" s="97">
        <v>6.2582183191954938E-2</v>
      </c>
      <c r="K44" s="199">
        <v>0</v>
      </c>
      <c r="L44" s="132">
        <v>0.23519999999999999</v>
      </c>
      <c r="M44" s="49">
        <v>245</v>
      </c>
      <c r="N44" s="180">
        <v>3.14</v>
      </c>
      <c r="O44" s="199">
        <v>0.54500000000000004</v>
      </c>
      <c r="P44" s="97">
        <v>6.3123457495965291E-2</v>
      </c>
      <c r="Q44" s="199">
        <v>0.13700000000000001</v>
      </c>
      <c r="R44" s="97">
        <v>4.4348118647047824E-2</v>
      </c>
      <c r="S44" s="199">
        <v>0.26600000000000001</v>
      </c>
      <c r="T44" s="97">
        <v>5.6253742195973296E-2</v>
      </c>
      <c r="U44" s="199">
        <v>5.1999999999999998E-2</v>
      </c>
      <c r="V44" s="97">
        <v>2.9910852160141436E-2</v>
      </c>
    </row>
    <row r="45" spans="1:43" ht="25.5">
      <c r="A45" s="45" t="s">
        <v>436</v>
      </c>
      <c r="B45" s="53">
        <v>96</v>
      </c>
      <c r="C45" s="84">
        <v>4.47</v>
      </c>
      <c r="D45" s="85">
        <v>0.29399999999999998</v>
      </c>
      <c r="E45" s="198">
        <v>0.26500000000000001</v>
      </c>
      <c r="F45" s="94">
        <v>8.9242285941138921E-2</v>
      </c>
      <c r="G45" s="198">
        <v>0.161</v>
      </c>
      <c r="H45" s="94">
        <v>7.5918062778234791E-2</v>
      </c>
      <c r="I45" s="198">
        <v>0.57399999999999995</v>
      </c>
      <c r="J45" s="94">
        <v>9.8985517809425036E-2</v>
      </c>
      <c r="K45" s="198">
        <v>0</v>
      </c>
      <c r="L45" s="85">
        <v>0.39200000000000002</v>
      </c>
      <c r="M45" s="53">
        <v>96</v>
      </c>
      <c r="N45" s="84">
        <v>3.69</v>
      </c>
      <c r="O45" s="198">
        <v>0.41499999999999998</v>
      </c>
      <c r="P45" s="94">
        <v>9.8659300625942012E-2</v>
      </c>
      <c r="Q45" s="198">
        <v>0.17399999999999999</v>
      </c>
      <c r="R45" s="94">
        <v>7.7988726980250167E-2</v>
      </c>
      <c r="S45" s="198">
        <v>0.378</v>
      </c>
      <c r="T45" s="94">
        <v>9.7217880166150503E-2</v>
      </c>
      <c r="U45" s="198">
        <v>3.2000000000000001E-2</v>
      </c>
      <c r="V45" s="94">
        <v>4.3885068804776869E-2</v>
      </c>
    </row>
    <row r="46" spans="1:43" ht="25.5">
      <c r="A46" s="49" t="s">
        <v>437</v>
      </c>
      <c r="B46" s="49">
        <v>116</v>
      </c>
      <c r="C46" s="180">
        <v>4.62</v>
      </c>
      <c r="D46" s="132">
        <v>0.23519999999999999</v>
      </c>
      <c r="E46" s="199">
        <v>0.13100000000000001</v>
      </c>
      <c r="F46" s="97">
        <v>6.3970073732436281E-2</v>
      </c>
      <c r="G46" s="199">
        <v>0.30599999999999999</v>
      </c>
      <c r="H46" s="97">
        <v>8.4622937963826514E-2</v>
      </c>
      <c r="I46" s="199">
        <v>0.56299999999999994</v>
      </c>
      <c r="J46" s="97">
        <v>9.0607429791012911E-2</v>
      </c>
      <c r="K46" s="199">
        <v>0</v>
      </c>
      <c r="L46" s="132">
        <v>0.23519999999999999</v>
      </c>
      <c r="M46" s="49">
        <v>116</v>
      </c>
      <c r="N46" s="180">
        <v>2.16</v>
      </c>
      <c r="O46" s="199">
        <v>0.77400000000000002</v>
      </c>
      <c r="P46" s="97">
        <v>7.7426448730152683E-2</v>
      </c>
      <c r="Q46" s="199">
        <v>6.8000000000000005E-2</v>
      </c>
      <c r="R46" s="97">
        <v>5.0203001238305803E-2</v>
      </c>
      <c r="S46" s="199">
        <v>7.0000000000000007E-2</v>
      </c>
      <c r="T46" s="97">
        <v>5.0735005082691582E-2</v>
      </c>
      <c r="U46" s="199">
        <v>8.7999999999999995E-2</v>
      </c>
      <c r="V46" s="97">
        <v>5.5191684827282393E-2</v>
      </c>
    </row>
    <row r="47" spans="1:43">
      <c r="A47" s="45" t="s">
        <v>453</v>
      </c>
      <c r="B47" s="196">
        <v>543</v>
      </c>
      <c r="C47" s="84">
        <v>4.0999999999999996</v>
      </c>
      <c r="D47" s="85">
        <v>0.1176</v>
      </c>
      <c r="E47" s="198">
        <v>0.30299999999999999</v>
      </c>
      <c r="F47" s="94">
        <v>3.9350904852060595E-2</v>
      </c>
      <c r="G47" s="198">
        <v>0.27500000000000002</v>
      </c>
      <c r="H47" s="94">
        <v>3.8253718085864433E-2</v>
      </c>
      <c r="I47" s="198">
        <v>0.42199999999999999</v>
      </c>
      <c r="J47" s="94">
        <v>4.2241116418589998E-2</v>
      </c>
      <c r="K47" s="198">
        <v>0</v>
      </c>
      <c r="L47" s="85">
        <v>0.15679999999999999</v>
      </c>
      <c r="M47" s="196">
        <v>537</v>
      </c>
      <c r="N47" s="84">
        <v>3.38</v>
      </c>
      <c r="O47" s="198">
        <v>0.52</v>
      </c>
      <c r="P47" s="94">
        <v>4.2959456715574544E-2</v>
      </c>
      <c r="Q47" s="198">
        <v>0.16500000000000001</v>
      </c>
      <c r="R47" s="94">
        <v>3.2107534705323994E-2</v>
      </c>
      <c r="S47" s="198">
        <v>0.28100000000000003</v>
      </c>
      <c r="T47" s="94">
        <v>3.8717479760727376E-2</v>
      </c>
      <c r="U47" s="198">
        <v>3.4000000000000002E-2</v>
      </c>
      <c r="V47" s="94">
        <v>1.632464270720085E-2</v>
      </c>
    </row>
    <row r="48" spans="1:43" ht="25.5">
      <c r="A48" s="49" t="s">
        <v>438</v>
      </c>
      <c r="B48" s="197">
        <v>81</v>
      </c>
      <c r="C48" s="180">
        <v>4.2699999999999996</v>
      </c>
      <c r="D48" s="132">
        <v>0.31359999999999999</v>
      </c>
      <c r="E48" s="199">
        <v>0.224</v>
      </c>
      <c r="F48" s="97">
        <v>9.2246424863303297E-2</v>
      </c>
      <c r="G48" s="199">
        <v>0.38500000000000001</v>
      </c>
      <c r="H48" s="97">
        <v>0.10582792218783252</v>
      </c>
      <c r="I48" s="199">
        <v>0.39100000000000001</v>
      </c>
      <c r="J48" s="97">
        <v>0.10609893294349582</v>
      </c>
      <c r="K48" s="199">
        <v>0</v>
      </c>
      <c r="L48" s="132">
        <v>0.3332</v>
      </c>
      <c r="M48" s="197">
        <v>80</v>
      </c>
      <c r="N48" s="180">
        <v>2.39</v>
      </c>
      <c r="O48" s="199">
        <v>0.753</v>
      </c>
      <c r="P48" s="97">
        <v>9.5603832886249074E-2</v>
      </c>
      <c r="Q48" s="199">
        <v>6.9000000000000006E-2</v>
      </c>
      <c r="R48" s="97">
        <v>6.2300843475202074E-2</v>
      </c>
      <c r="S48" s="199">
        <v>0.161</v>
      </c>
      <c r="T48" s="97">
        <v>8.3313311491742523E-2</v>
      </c>
      <c r="U48" s="199">
        <v>1.7000000000000001E-2</v>
      </c>
      <c r="V48" s="97">
        <v>4.2761798705987897E-2</v>
      </c>
    </row>
    <row r="49" spans="1:23" ht="27.75" customHeight="1">
      <c r="A49" s="45" t="s">
        <v>439</v>
      </c>
      <c r="B49" s="54">
        <v>80</v>
      </c>
      <c r="C49" s="84">
        <v>4.7</v>
      </c>
      <c r="D49" s="85">
        <v>0.3332</v>
      </c>
      <c r="E49" s="198">
        <v>0.19400000000000001</v>
      </c>
      <c r="F49" s="94">
        <v>8.8659162165888067E-2</v>
      </c>
      <c r="G49" s="198">
        <v>0.19500000000000001</v>
      </c>
      <c r="H49" s="94">
        <v>8.8807867188624545E-2</v>
      </c>
      <c r="I49" s="198">
        <v>0.61099999999999999</v>
      </c>
      <c r="J49" s="94">
        <v>0.10664236846669616</v>
      </c>
      <c r="K49" s="198">
        <v>0</v>
      </c>
      <c r="L49" s="85">
        <v>0.43119999999999997</v>
      </c>
      <c r="M49" s="54">
        <v>79</v>
      </c>
      <c r="N49" s="84">
        <v>3.61</v>
      </c>
      <c r="O49" s="198">
        <v>0.501</v>
      </c>
      <c r="P49" s="94">
        <v>0.10976406111050115</v>
      </c>
      <c r="Q49" s="198">
        <v>0.12</v>
      </c>
      <c r="R49" s="94">
        <v>7.5787495250221396E-2</v>
      </c>
      <c r="S49" s="198">
        <v>0.36</v>
      </c>
      <c r="T49" s="94">
        <v>0.10579444374233953</v>
      </c>
      <c r="U49" s="198">
        <v>0.02</v>
      </c>
      <c r="V49" s="94">
        <v>4.4598403432381709E-2</v>
      </c>
    </row>
    <row r="50" spans="1:23">
      <c r="A50" s="49" t="s">
        <v>440</v>
      </c>
      <c r="B50" s="197">
        <v>79</v>
      </c>
      <c r="C50" s="180">
        <v>4.3</v>
      </c>
      <c r="D50" s="132">
        <v>0.25480000000000003</v>
      </c>
      <c r="E50" s="199">
        <v>0.215</v>
      </c>
      <c r="F50" s="97">
        <v>9.22059682600289E-2</v>
      </c>
      <c r="G50" s="199">
        <v>0.33500000000000002</v>
      </c>
      <c r="H50" s="97">
        <v>0.10420921152247861</v>
      </c>
      <c r="I50" s="199">
        <v>0.45</v>
      </c>
      <c r="J50" s="97">
        <v>0.10926593126321367</v>
      </c>
      <c r="K50" s="199">
        <v>0</v>
      </c>
      <c r="L50" s="132">
        <v>0.3528</v>
      </c>
      <c r="M50" s="197">
        <v>78</v>
      </c>
      <c r="N50" s="180">
        <v>3.29</v>
      </c>
      <c r="O50" s="199">
        <v>0.56699999999999995</v>
      </c>
      <c r="P50" s="97">
        <v>0.10953076624967757</v>
      </c>
      <c r="Q50" s="199">
        <v>0.13200000000000001</v>
      </c>
      <c r="R50" s="97">
        <v>7.8853322085082056E-2</v>
      </c>
      <c r="S50" s="199">
        <v>0.254</v>
      </c>
      <c r="T50" s="97">
        <v>9.7591483035025198E-2</v>
      </c>
      <c r="U50" s="199">
        <v>4.7E-2</v>
      </c>
      <c r="V50" s="97">
        <v>5.6015280163946753E-2</v>
      </c>
    </row>
    <row r="51" spans="1:23">
      <c r="A51" s="57" t="s">
        <v>441</v>
      </c>
      <c r="B51" s="196">
        <v>75</v>
      </c>
      <c r="C51" s="84">
        <v>4.16</v>
      </c>
      <c r="D51" s="85">
        <v>0.31359999999999999</v>
      </c>
      <c r="E51" s="198">
        <v>0.248</v>
      </c>
      <c r="F51" s="94">
        <v>9.8793732218395103E-2</v>
      </c>
      <c r="G51" s="198">
        <v>0.29199999999999998</v>
      </c>
      <c r="H51" s="94">
        <v>0.10336276267973753</v>
      </c>
      <c r="I51" s="198">
        <v>0.46</v>
      </c>
      <c r="J51" s="94">
        <v>0.11218382821014823</v>
      </c>
      <c r="K51" s="198">
        <v>0</v>
      </c>
      <c r="L51" s="85">
        <v>0.39200000000000002</v>
      </c>
      <c r="M51" s="196">
        <v>74</v>
      </c>
      <c r="N51" s="84">
        <v>3.69</v>
      </c>
      <c r="O51" s="198">
        <v>0.40600000000000003</v>
      </c>
      <c r="P51" s="94">
        <v>0.11141215213984047</v>
      </c>
      <c r="Q51" s="198">
        <v>0.19400000000000001</v>
      </c>
      <c r="R51" s="94">
        <v>9.2187502291902909E-2</v>
      </c>
      <c r="S51" s="198">
        <v>0.32</v>
      </c>
      <c r="T51" s="94">
        <v>0.10641907237547062</v>
      </c>
      <c r="U51" s="198">
        <v>7.9000000000000001E-2</v>
      </c>
      <c r="V51" s="94">
        <v>6.8114325867803277E-2</v>
      </c>
    </row>
    <row r="52" spans="1:23" ht="25.5">
      <c r="A52" s="49" t="s">
        <v>442</v>
      </c>
      <c r="B52" s="197">
        <v>114</v>
      </c>
      <c r="C52" s="180">
        <v>3.43</v>
      </c>
      <c r="D52" s="132">
        <v>0.27440000000000003</v>
      </c>
      <c r="E52" s="199">
        <v>0.48099999999999998</v>
      </c>
      <c r="F52" s="97">
        <v>9.1995405145563799E-2</v>
      </c>
      <c r="G52" s="199">
        <v>0.26300000000000001</v>
      </c>
      <c r="H52" s="97">
        <v>8.183789770537267E-2</v>
      </c>
      <c r="I52" s="199">
        <v>0.25600000000000001</v>
      </c>
      <c r="J52" s="97">
        <v>8.1184436693772996E-2</v>
      </c>
      <c r="K52" s="199">
        <v>0</v>
      </c>
      <c r="L52" s="132">
        <v>0.21559999999999999</v>
      </c>
      <c r="M52" s="197">
        <v>113</v>
      </c>
      <c r="N52" s="180">
        <v>1.58</v>
      </c>
      <c r="O52" s="199">
        <v>0.90100000000000002</v>
      </c>
      <c r="P52" s="97">
        <v>5.8472286510516051E-2</v>
      </c>
      <c r="Q52" s="199">
        <v>6.7000000000000004E-2</v>
      </c>
      <c r="R52" s="97">
        <v>5.067463482400944E-2</v>
      </c>
      <c r="S52" s="199">
        <v>1.6E-2</v>
      </c>
      <c r="T52" s="97">
        <v>3.281009891520633E-2</v>
      </c>
      <c r="U52" s="199">
        <v>1.4999999999999999E-2</v>
      </c>
      <c r="V52" s="97">
        <v>3.2335751748676166E-2</v>
      </c>
    </row>
    <row r="53" spans="1:23">
      <c r="A53" s="57" t="s">
        <v>443</v>
      </c>
      <c r="B53" s="196">
        <v>170</v>
      </c>
      <c r="C53" s="84">
        <v>3.79</v>
      </c>
      <c r="D53" s="85">
        <v>0.21559999999999999</v>
      </c>
      <c r="E53" s="198">
        <v>0.42</v>
      </c>
      <c r="F53" s="94">
        <v>7.4877811678504005E-2</v>
      </c>
      <c r="G53" s="198">
        <v>0.223</v>
      </c>
      <c r="H53" s="94">
        <v>6.3744861597407831E-2</v>
      </c>
      <c r="I53" s="198">
        <v>0.35699999999999998</v>
      </c>
      <c r="J53" s="94">
        <v>7.279010561732048E-2</v>
      </c>
      <c r="K53" s="198">
        <v>0</v>
      </c>
      <c r="L53" s="85">
        <v>0.27440000000000003</v>
      </c>
      <c r="M53" s="196">
        <v>169</v>
      </c>
      <c r="N53" s="84">
        <v>3.86</v>
      </c>
      <c r="O53" s="198">
        <v>0.40600000000000003</v>
      </c>
      <c r="P53" s="94">
        <v>7.4735429680678644E-2</v>
      </c>
      <c r="Q53" s="198">
        <v>0.23400000000000001</v>
      </c>
      <c r="R53" s="94">
        <v>6.4954964870463941E-2</v>
      </c>
      <c r="S53" s="198">
        <v>0.33900000000000002</v>
      </c>
      <c r="T53" s="94">
        <v>7.2169325882909946E-2</v>
      </c>
      <c r="U53" s="198">
        <v>2.1000000000000001E-2</v>
      </c>
      <c r="V53" s="94">
        <v>2.6792428234762092E-2</v>
      </c>
    </row>
    <row r="54" spans="1:23">
      <c r="A54" s="49" t="s">
        <v>455</v>
      </c>
      <c r="B54" s="197">
        <v>149</v>
      </c>
      <c r="C54" s="180">
        <v>4.28</v>
      </c>
      <c r="D54" s="132">
        <v>0.23519999999999999</v>
      </c>
      <c r="E54" s="199">
        <v>0.23699999999999999</v>
      </c>
      <c r="F54" s="97">
        <v>6.943288533159328E-2</v>
      </c>
      <c r="G54" s="199">
        <v>0.318</v>
      </c>
      <c r="H54" s="97">
        <v>7.5595299102572372E-2</v>
      </c>
      <c r="I54" s="199">
        <v>0.44500000000000001</v>
      </c>
      <c r="J54" s="97">
        <v>8.0379996593597916E-2</v>
      </c>
      <c r="K54" s="199">
        <v>0</v>
      </c>
      <c r="L54" s="132">
        <v>0.23519999999999999</v>
      </c>
      <c r="M54" s="197">
        <v>149</v>
      </c>
      <c r="N54" s="180">
        <v>2.4900000000000002</v>
      </c>
      <c r="O54" s="199">
        <v>0.748</v>
      </c>
      <c r="P54" s="97">
        <v>7.0788252335097307E-2</v>
      </c>
      <c r="Q54" s="199">
        <v>9.5000000000000001E-2</v>
      </c>
      <c r="R54" s="97">
        <v>4.9689061896945448E-2</v>
      </c>
      <c r="S54" s="199">
        <v>0.13300000000000001</v>
      </c>
      <c r="T54" s="97">
        <v>5.6536529334447493E-2</v>
      </c>
      <c r="U54" s="199">
        <v>2.3E-2</v>
      </c>
      <c r="V54" s="97">
        <v>2.9907231558456655E-2</v>
      </c>
    </row>
    <row r="55" spans="1:23">
      <c r="A55" s="57" t="s">
        <v>444</v>
      </c>
      <c r="B55" s="196">
        <v>89</v>
      </c>
      <c r="C55" s="84">
        <v>4.18</v>
      </c>
      <c r="D55" s="85">
        <v>0.29399999999999998</v>
      </c>
      <c r="E55" s="198">
        <v>0.25</v>
      </c>
      <c r="F55" s="94">
        <v>9.105374137633114E-2</v>
      </c>
      <c r="G55" s="198">
        <v>0.34699999999999998</v>
      </c>
      <c r="H55" s="94">
        <v>9.9149365443745849E-2</v>
      </c>
      <c r="I55" s="198">
        <v>0.40400000000000003</v>
      </c>
      <c r="J55" s="94">
        <v>0.10192970913186114</v>
      </c>
      <c r="K55" s="198">
        <v>0</v>
      </c>
      <c r="L55" s="85">
        <v>0.31359999999999999</v>
      </c>
      <c r="M55" s="196">
        <v>89</v>
      </c>
      <c r="N55" s="84">
        <v>2.35</v>
      </c>
      <c r="O55" s="198">
        <v>0.78200000000000003</v>
      </c>
      <c r="P55" s="94">
        <v>8.7293759589257863E-2</v>
      </c>
      <c r="Q55" s="198">
        <v>5.1999999999999998E-2</v>
      </c>
      <c r="R55" s="94">
        <v>5.3356005758278625E-2</v>
      </c>
      <c r="S55" s="198">
        <v>0.13800000000000001</v>
      </c>
      <c r="T55" s="94">
        <v>7.4771675563811743E-2</v>
      </c>
      <c r="U55" s="198">
        <v>2.7E-2</v>
      </c>
      <c r="V55" s="94">
        <v>4.4044270758854642E-2</v>
      </c>
    </row>
    <row r="56" spans="1:23">
      <c r="A56" s="49" t="s">
        <v>454</v>
      </c>
      <c r="B56" s="197">
        <v>257</v>
      </c>
      <c r="C56" s="180">
        <v>3.85</v>
      </c>
      <c r="D56" s="132">
        <v>0.1764</v>
      </c>
      <c r="E56" s="199">
        <v>0.38100000000000001</v>
      </c>
      <c r="F56" s="97">
        <v>6.0174679003970485E-2</v>
      </c>
      <c r="G56" s="199">
        <v>0.26900000000000002</v>
      </c>
      <c r="H56" s="97">
        <v>5.5122580638372075E-2</v>
      </c>
      <c r="I56" s="199">
        <v>0.35</v>
      </c>
      <c r="J56" s="97">
        <v>5.9136101278821102E-2</v>
      </c>
      <c r="K56" s="199">
        <v>0</v>
      </c>
      <c r="L56" s="132">
        <v>0.19600000000000001</v>
      </c>
      <c r="M56" s="197">
        <v>255</v>
      </c>
      <c r="N56" s="180">
        <v>2.2400000000000002</v>
      </c>
      <c r="O56" s="199">
        <v>0.76</v>
      </c>
      <c r="P56" s="97">
        <v>5.3375902635918661E-2</v>
      </c>
      <c r="Q56" s="199">
        <v>0.109</v>
      </c>
      <c r="R56" s="97">
        <v>3.9651907838045175E-2</v>
      </c>
      <c r="S56" s="199">
        <v>0.106</v>
      </c>
      <c r="T56" s="97">
        <v>3.9204819623885841E-2</v>
      </c>
      <c r="U56" s="199">
        <v>2.4E-2</v>
      </c>
      <c r="V56" s="97">
        <v>2.1656655328024254E-2</v>
      </c>
    </row>
    <row r="57" spans="1:23" ht="25.5">
      <c r="A57" s="57" t="s">
        <v>445</v>
      </c>
      <c r="B57" s="196">
        <v>112</v>
      </c>
      <c r="C57" s="84">
        <v>4.18</v>
      </c>
      <c r="D57" s="85">
        <v>0.27440000000000003</v>
      </c>
      <c r="E57" s="198">
        <v>0.3</v>
      </c>
      <c r="F57" s="94">
        <v>8.5643821015108743E-2</v>
      </c>
      <c r="G57" s="198">
        <v>0.24399999999999999</v>
      </c>
      <c r="H57" s="94">
        <v>8.0709311914081594E-2</v>
      </c>
      <c r="I57" s="198">
        <v>0.45600000000000002</v>
      </c>
      <c r="J57" s="94">
        <v>9.2511921919504844E-2</v>
      </c>
      <c r="K57" s="198">
        <v>0</v>
      </c>
      <c r="L57" s="85">
        <v>0.3332</v>
      </c>
      <c r="M57" s="196">
        <v>109</v>
      </c>
      <c r="N57" s="84">
        <v>3.13</v>
      </c>
      <c r="O57" s="198">
        <v>0.58399999999999996</v>
      </c>
      <c r="P57" s="94">
        <v>9.2828645718055269E-2</v>
      </c>
      <c r="Q57" s="198">
        <v>0.151</v>
      </c>
      <c r="R57" s="94">
        <v>6.9554704711586576E-2</v>
      </c>
      <c r="S57" s="198">
        <v>0.251</v>
      </c>
      <c r="T57" s="94">
        <v>8.2507336637772405E-2</v>
      </c>
      <c r="U57" s="198">
        <v>1.4E-2</v>
      </c>
      <c r="V57" s="94">
        <v>3.2712141625901192E-2</v>
      </c>
    </row>
    <row r="58" spans="1:23">
      <c r="A58" s="49" t="s">
        <v>471</v>
      </c>
      <c r="B58" s="197">
        <v>89</v>
      </c>
      <c r="C58" s="180">
        <v>4.05</v>
      </c>
      <c r="D58" s="132">
        <v>0.27440000000000003</v>
      </c>
      <c r="E58" s="199">
        <v>0.30099999999999999</v>
      </c>
      <c r="F58" s="97">
        <v>9.5879018472497302E-2</v>
      </c>
      <c r="G58" s="199">
        <v>0.32900000000000001</v>
      </c>
      <c r="H58" s="97">
        <v>9.7984036704310065E-2</v>
      </c>
      <c r="I58" s="199">
        <v>0.37</v>
      </c>
      <c r="J58" s="97">
        <v>0.10043400437540832</v>
      </c>
      <c r="K58" s="199">
        <v>0</v>
      </c>
      <c r="L58" s="132">
        <v>0.27440000000000003</v>
      </c>
      <c r="M58" s="197">
        <v>90</v>
      </c>
      <c r="N58" s="180">
        <v>1.9</v>
      </c>
      <c r="O58" s="199">
        <v>0.82599999999999996</v>
      </c>
      <c r="P58" s="97">
        <v>8.0576730743966929E-2</v>
      </c>
      <c r="Q58" s="199">
        <v>8.7999999999999995E-2</v>
      </c>
      <c r="R58" s="97">
        <v>6.3378273286571779E-2</v>
      </c>
      <c r="S58" s="199">
        <v>3.6999999999999998E-2</v>
      </c>
      <c r="T58" s="97">
        <v>4.7707886130943324E-2</v>
      </c>
      <c r="U58" s="199">
        <v>0.05</v>
      </c>
      <c r="V58" s="97">
        <v>5.2335806381945967E-2</v>
      </c>
    </row>
    <row r="59" spans="1:23" ht="25.5">
      <c r="A59" s="57" t="s">
        <v>442</v>
      </c>
      <c r="B59" s="196">
        <v>114</v>
      </c>
      <c r="C59" s="84">
        <v>3.43</v>
      </c>
      <c r="D59" s="85">
        <v>0.27440000000000003</v>
      </c>
      <c r="E59" s="198">
        <v>0.48099999999999998</v>
      </c>
      <c r="F59" s="94">
        <v>9.1995405145563799E-2</v>
      </c>
      <c r="G59" s="198">
        <v>0.26300000000000001</v>
      </c>
      <c r="H59" s="94">
        <v>8.183789770537267E-2</v>
      </c>
      <c r="I59" s="198">
        <v>0.25600000000000001</v>
      </c>
      <c r="J59" s="94">
        <v>8.1184436693772996E-2</v>
      </c>
      <c r="K59" s="198">
        <v>0</v>
      </c>
      <c r="L59" s="85">
        <v>0.21559999999999999</v>
      </c>
      <c r="M59" s="196">
        <v>113</v>
      </c>
      <c r="N59" s="84">
        <v>1.58</v>
      </c>
      <c r="O59" s="198">
        <v>0.90100000000000002</v>
      </c>
      <c r="P59" s="94">
        <v>5.8472286510516051E-2</v>
      </c>
      <c r="Q59" s="198">
        <v>6.7000000000000004E-2</v>
      </c>
      <c r="R59" s="94">
        <v>5.067463482400944E-2</v>
      </c>
      <c r="S59" s="198">
        <v>1.6E-2</v>
      </c>
      <c r="T59" s="94">
        <v>3.281009891520633E-2</v>
      </c>
      <c r="U59" s="198">
        <v>1.4999999999999999E-2</v>
      </c>
      <c r="V59" s="94">
        <v>3.2335751748676166E-2</v>
      </c>
    </row>
    <row r="61" spans="1:23" ht="18.75">
      <c r="A61" s="320" t="s">
        <v>50</v>
      </c>
      <c r="B61" s="320"/>
      <c r="C61" s="320"/>
      <c r="D61" s="320"/>
      <c r="E61" s="320"/>
      <c r="F61" s="320"/>
      <c r="G61" s="320"/>
      <c r="H61" s="320"/>
      <c r="I61" s="320"/>
      <c r="J61" s="320"/>
      <c r="K61" s="320"/>
      <c r="L61" s="320"/>
      <c r="M61" s="320"/>
      <c r="N61" s="320"/>
      <c r="O61" s="320"/>
      <c r="P61" s="320"/>
      <c r="Q61" s="320"/>
      <c r="R61" s="320"/>
      <c r="S61" s="320"/>
      <c r="T61" s="320"/>
      <c r="U61" s="320"/>
      <c r="V61" s="320"/>
      <c r="W61" s="320"/>
    </row>
    <row r="62" spans="1:23" ht="42" customHeight="1">
      <c r="A62" s="423" t="s">
        <v>501</v>
      </c>
      <c r="B62" s="423"/>
      <c r="C62" s="423"/>
      <c r="D62" s="423"/>
      <c r="E62" s="423"/>
      <c r="F62" s="423"/>
      <c r="G62" s="423"/>
      <c r="H62" s="423"/>
      <c r="I62" s="423"/>
      <c r="J62" s="423"/>
      <c r="K62" s="423"/>
      <c r="L62" s="423"/>
      <c r="M62" s="423"/>
      <c r="N62" s="423"/>
      <c r="O62" s="423"/>
      <c r="P62" s="423"/>
      <c r="Q62" s="423"/>
      <c r="R62" s="423"/>
      <c r="S62" s="423"/>
      <c r="T62" s="423"/>
      <c r="U62" s="423"/>
      <c r="V62" s="423"/>
      <c r="W62" s="423"/>
    </row>
    <row r="63" spans="1:23" ht="37.5" customHeight="1">
      <c r="A63" s="64"/>
      <c r="B63" s="402" t="s">
        <v>274</v>
      </c>
      <c r="C63" s="403"/>
      <c r="D63" s="403"/>
      <c r="E63" s="403"/>
      <c r="F63" s="403"/>
      <c r="G63" s="403"/>
      <c r="H63" s="403"/>
      <c r="I63" s="403"/>
      <c r="J63" s="403"/>
      <c r="K63" s="403"/>
      <c r="L63" s="404"/>
      <c r="M63" s="402" t="s">
        <v>275</v>
      </c>
      <c r="N63" s="403"/>
      <c r="O63" s="403"/>
      <c r="P63" s="403"/>
      <c r="Q63" s="403"/>
      <c r="R63" s="403"/>
      <c r="S63" s="403"/>
      <c r="T63" s="403"/>
      <c r="U63" s="403"/>
      <c r="V63" s="403"/>
      <c r="W63" s="404"/>
    </row>
    <row r="64" spans="1:23" ht="39" customHeight="1">
      <c r="A64" s="37" t="s">
        <v>85</v>
      </c>
      <c r="B64" s="38" t="s">
        <v>86</v>
      </c>
      <c r="C64" s="39" t="s">
        <v>87</v>
      </c>
      <c r="D64" s="40" t="s">
        <v>88</v>
      </c>
      <c r="E64" s="38" t="s">
        <v>367</v>
      </c>
      <c r="F64" s="89" t="s">
        <v>162</v>
      </c>
      <c r="G64" s="38" t="s">
        <v>368</v>
      </c>
      <c r="H64" s="89" t="s">
        <v>163</v>
      </c>
      <c r="I64" s="38" t="s">
        <v>369</v>
      </c>
      <c r="J64" s="89" t="s">
        <v>136</v>
      </c>
      <c r="K64" s="38" t="s">
        <v>356</v>
      </c>
      <c r="L64" s="89" t="s">
        <v>370</v>
      </c>
      <c r="M64" s="65" t="s">
        <v>86</v>
      </c>
      <c r="N64" s="66" t="s">
        <v>87</v>
      </c>
      <c r="O64" s="67" t="s">
        <v>88</v>
      </c>
      <c r="P64" s="65" t="s">
        <v>403</v>
      </c>
      <c r="Q64" s="88" t="s">
        <v>404</v>
      </c>
      <c r="R64" s="65" t="s">
        <v>405</v>
      </c>
      <c r="S64" s="88" t="s">
        <v>406</v>
      </c>
      <c r="T64" s="65" t="s">
        <v>354</v>
      </c>
      <c r="U64" s="88" t="s">
        <v>407</v>
      </c>
      <c r="V64" s="65" t="s">
        <v>356</v>
      </c>
      <c r="W64" s="88" t="s">
        <v>370</v>
      </c>
    </row>
    <row r="65" spans="1:23" ht="72">
      <c r="A65" s="41"/>
      <c r="B65" s="42" t="s">
        <v>89</v>
      </c>
      <c r="C65" s="128" t="s">
        <v>359</v>
      </c>
      <c r="D65" s="44" t="s">
        <v>91</v>
      </c>
      <c r="E65" s="42" t="s">
        <v>182</v>
      </c>
      <c r="F65" s="91" t="s">
        <v>104</v>
      </c>
      <c r="G65" s="42" t="s">
        <v>183</v>
      </c>
      <c r="H65" s="91" t="s">
        <v>104</v>
      </c>
      <c r="I65" s="42" t="s">
        <v>184</v>
      </c>
      <c r="J65" s="91" t="s">
        <v>104</v>
      </c>
      <c r="K65" s="42" t="s">
        <v>356</v>
      </c>
      <c r="L65" s="91" t="s">
        <v>104</v>
      </c>
      <c r="M65" s="68" t="s">
        <v>89</v>
      </c>
      <c r="N65" s="282" t="s">
        <v>359</v>
      </c>
      <c r="O65" s="70" t="s">
        <v>91</v>
      </c>
      <c r="P65" s="68" t="s">
        <v>182</v>
      </c>
      <c r="Q65" s="90" t="s">
        <v>104</v>
      </c>
      <c r="R65" s="68" t="s">
        <v>183</v>
      </c>
      <c r="S65" s="90" t="s">
        <v>104</v>
      </c>
      <c r="T65" s="68" t="s">
        <v>184</v>
      </c>
      <c r="U65" s="90" t="s">
        <v>104</v>
      </c>
      <c r="V65" s="68" t="s">
        <v>356</v>
      </c>
      <c r="W65" s="90" t="s">
        <v>104</v>
      </c>
    </row>
    <row r="66" spans="1:23">
      <c r="A66" s="45" t="s">
        <v>430</v>
      </c>
      <c r="B66" s="196">
        <v>10974</v>
      </c>
      <c r="C66" s="84">
        <v>5.05</v>
      </c>
      <c r="D66" s="85">
        <v>3.9199999999999999E-2</v>
      </c>
      <c r="E66" s="198">
        <v>0.17299999999999999</v>
      </c>
      <c r="F66" s="94">
        <v>7.2220817888584603E-3</v>
      </c>
      <c r="G66" s="198">
        <v>0.15</v>
      </c>
      <c r="H66" s="94">
        <v>6.8182893901301313E-3</v>
      </c>
      <c r="I66" s="198">
        <v>0.66600000000000004</v>
      </c>
      <c r="J66" s="94">
        <v>9.0032296634387169E-3</v>
      </c>
      <c r="K66" s="198">
        <v>1.2E-2</v>
      </c>
      <c r="L66" s="94">
        <v>2.0935935476015023E-3</v>
      </c>
      <c r="M66" s="196">
        <v>11021</v>
      </c>
      <c r="N66" s="84">
        <v>3.66</v>
      </c>
      <c r="O66" s="85">
        <v>3.9199999999999999E-2</v>
      </c>
      <c r="P66" s="198">
        <v>0.16900000000000001</v>
      </c>
      <c r="Q66" s="94">
        <v>7.140151503402874E-3</v>
      </c>
      <c r="R66" s="198">
        <v>0.34299999999999997</v>
      </c>
      <c r="S66" s="94">
        <v>9.0424824045543337E-3</v>
      </c>
      <c r="T66" s="198">
        <v>0.46899999999999997</v>
      </c>
      <c r="U66" s="94">
        <v>9.5055004426834646E-3</v>
      </c>
      <c r="V66" s="198">
        <v>1.9E-2</v>
      </c>
      <c r="W66" s="94">
        <v>2.6121537351062162E-3</v>
      </c>
    </row>
    <row r="67" spans="1:23">
      <c r="A67" s="49" t="s">
        <v>431</v>
      </c>
      <c r="B67" s="49">
        <v>8828</v>
      </c>
      <c r="C67" s="180">
        <v>4.8899999999999997</v>
      </c>
      <c r="D67" s="132">
        <v>3.9199999999999999E-2</v>
      </c>
      <c r="E67" s="199">
        <v>0.20799999999999999</v>
      </c>
      <c r="F67" s="97">
        <v>8.6396565869103596E-3</v>
      </c>
      <c r="G67" s="199">
        <v>0.16</v>
      </c>
      <c r="H67" s="97">
        <v>7.8049328985811709E-3</v>
      </c>
      <c r="I67" s="199">
        <v>0.625</v>
      </c>
      <c r="J67" s="97">
        <v>1.0303130897152412E-2</v>
      </c>
      <c r="K67" s="199">
        <v>7.0000000000000001E-3</v>
      </c>
      <c r="L67" s="97">
        <v>1.8021604418710663E-3</v>
      </c>
      <c r="M67" s="49">
        <v>8875</v>
      </c>
      <c r="N67" s="180">
        <v>3.64</v>
      </c>
      <c r="O67" s="132">
        <v>3.9199999999999999E-2</v>
      </c>
      <c r="P67" s="199">
        <v>0.18</v>
      </c>
      <c r="Q67" s="97">
        <v>8.1569313846374756E-3</v>
      </c>
      <c r="R67" s="199">
        <v>0.31899999999999995</v>
      </c>
      <c r="S67" s="97">
        <v>9.8934180736553867E-3</v>
      </c>
      <c r="T67" s="199">
        <v>0.495</v>
      </c>
      <c r="U67" s="97">
        <v>1.0611976406735786E-2</v>
      </c>
      <c r="V67" s="199">
        <v>7.0000000000000001E-3</v>
      </c>
      <c r="W67" s="97">
        <v>1.797238361110935E-3</v>
      </c>
    </row>
    <row r="68" spans="1:23">
      <c r="A68" s="45" t="s">
        <v>432</v>
      </c>
      <c r="B68" s="53">
        <v>1981</v>
      </c>
      <c r="C68" s="84">
        <v>5.38</v>
      </c>
      <c r="D68" s="85">
        <v>5.8799999999999998E-2</v>
      </c>
      <c r="E68" s="198">
        <v>0.1065</v>
      </c>
      <c r="F68" s="94">
        <v>1.3892800854297369E-2</v>
      </c>
      <c r="G68" s="198">
        <v>0.13109999999999999</v>
      </c>
      <c r="H68" s="94">
        <v>1.5187207907680907E-2</v>
      </c>
      <c r="I68" s="198">
        <v>0.74199999999999999</v>
      </c>
      <c r="J68" s="94">
        <v>1.96529992525457E-2</v>
      </c>
      <c r="K68" s="198">
        <v>2.0400000000000001E-2</v>
      </c>
      <c r="L68" s="94">
        <v>6.4912144846174221E-3</v>
      </c>
      <c r="M68" s="53">
        <v>1984</v>
      </c>
      <c r="N68" s="84">
        <v>3.65</v>
      </c>
      <c r="O68" s="85">
        <v>7.8399999999999997E-2</v>
      </c>
      <c r="P68" s="198">
        <v>0.15229999999999999</v>
      </c>
      <c r="Q68" s="94">
        <v>1.6147628833673031E-2</v>
      </c>
      <c r="R68" s="198">
        <v>0.36819999999999997</v>
      </c>
      <c r="S68" s="94">
        <v>2.163807816512426E-2</v>
      </c>
      <c r="T68" s="198">
        <v>0.44189999999999996</v>
      </c>
      <c r="U68" s="94">
        <v>2.2276746647629256E-2</v>
      </c>
      <c r="V68" s="198">
        <v>3.7499999999999999E-2</v>
      </c>
      <c r="W68" s="94">
        <v>8.6228457202624908E-3</v>
      </c>
    </row>
    <row r="69" spans="1:23">
      <c r="A69" s="49" t="s">
        <v>433</v>
      </c>
      <c r="B69" s="49">
        <v>132</v>
      </c>
      <c r="C69" s="180">
        <v>5.68</v>
      </c>
      <c r="D69" s="132">
        <v>0.19600000000000001</v>
      </c>
      <c r="E69" s="199">
        <v>5.8999999999999997E-2</v>
      </c>
      <c r="F69" s="97">
        <v>4.4321957997323025E-2</v>
      </c>
      <c r="G69" s="199">
        <v>0.111</v>
      </c>
      <c r="H69" s="97">
        <v>5.6216319269482833E-2</v>
      </c>
      <c r="I69" s="199">
        <v>0.81699999999999995</v>
      </c>
      <c r="J69" s="97">
        <v>6.7592026471620159E-2</v>
      </c>
      <c r="K69" s="199">
        <v>1.2999999999999999E-2</v>
      </c>
      <c r="L69" s="97">
        <v>2.7958453500238074E-2</v>
      </c>
      <c r="M69" s="49">
        <v>132</v>
      </c>
      <c r="N69" s="180">
        <v>3.41</v>
      </c>
      <c r="O69" s="132">
        <v>0.29399999999999998</v>
      </c>
      <c r="P69" s="199">
        <v>8.8999999999999996E-2</v>
      </c>
      <c r="Q69" s="97">
        <v>5.1697480874808015E-2</v>
      </c>
      <c r="R69" s="199">
        <v>0.36199999999999999</v>
      </c>
      <c r="S69" s="97">
        <v>8.2615295771794106E-2</v>
      </c>
      <c r="T69" s="199">
        <v>0.53499999999999992</v>
      </c>
      <c r="U69" s="97">
        <v>8.5551154139247576E-2</v>
      </c>
      <c r="V69" s="199">
        <v>1.2999999999999999E-2</v>
      </c>
      <c r="W69" s="97">
        <v>2.7958453500238074E-2</v>
      </c>
    </row>
    <row r="70" spans="1:23">
      <c r="A70" s="45" t="s">
        <v>434</v>
      </c>
      <c r="B70" s="53">
        <v>3062</v>
      </c>
      <c r="C70" s="84">
        <v>5.13</v>
      </c>
      <c r="D70" s="85">
        <v>5.8799999999999998E-2</v>
      </c>
      <c r="E70" s="198">
        <v>0.16900000000000001</v>
      </c>
      <c r="F70" s="94">
        <v>1.3549680853591596E-2</v>
      </c>
      <c r="G70" s="198">
        <v>0.13600000000000001</v>
      </c>
      <c r="H70" s="94">
        <v>1.2399602890049944E-2</v>
      </c>
      <c r="I70" s="198">
        <v>0.68400000000000005</v>
      </c>
      <c r="J70" s="94">
        <v>1.6795935021333738E-2</v>
      </c>
      <c r="K70" s="198">
        <v>1.2E-2</v>
      </c>
      <c r="L70" s="94">
        <v>4.0345822378799563E-3</v>
      </c>
      <c r="M70" s="53">
        <v>3076</v>
      </c>
      <c r="N70" s="84">
        <v>3.57</v>
      </c>
      <c r="O70" s="85">
        <v>5.8799999999999998E-2</v>
      </c>
      <c r="P70" s="198">
        <v>0.16700000000000001</v>
      </c>
      <c r="Q70" s="94">
        <v>1.3455015786062481E-2</v>
      </c>
      <c r="R70" s="198">
        <v>0.33</v>
      </c>
      <c r="S70" s="94">
        <v>1.6948164525054401E-2</v>
      </c>
      <c r="T70" s="198">
        <v>0.48599999999999999</v>
      </c>
      <c r="U70" s="94">
        <v>1.8011702860875795E-2</v>
      </c>
      <c r="V70" s="198">
        <v>1.6E-2</v>
      </c>
      <c r="W70" s="94">
        <v>4.6083016620933545E-3</v>
      </c>
    </row>
    <row r="71" spans="1:23">
      <c r="A71" s="49" t="s">
        <v>435</v>
      </c>
      <c r="B71" s="49">
        <v>2471</v>
      </c>
      <c r="C71" s="180">
        <v>4.97</v>
      </c>
      <c r="D71" s="132">
        <v>7.8399999999999997E-2</v>
      </c>
      <c r="E71" s="199">
        <v>0.21299999999999999</v>
      </c>
      <c r="F71" s="97">
        <v>1.647266621590596E-2</v>
      </c>
      <c r="G71" s="199">
        <v>0.13600000000000001</v>
      </c>
      <c r="H71" s="97">
        <v>1.3805688994095991E-2</v>
      </c>
      <c r="I71" s="199">
        <v>0.64200000000000002</v>
      </c>
      <c r="J71" s="97">
        <v>1.927582350915049E-2</v>
      </c>
      <c r="K71" s="199">
        <v>8.0000000000000002E-3</v>
      </c>
      <c r="L71" s="97">
        <v>3.7535807712134697E-3</v>
      </c>
      <c r="M71" s="49">
        <v>2485</v>
      </c>
      <c r="N71" s="180">
        <v>3.46</v>
      </c>
      <c r="O71" s="132">
        <v>7.8399999999999997E-2</v>
      </c>
      <c r="P71" s="199">
        <v>0.16300000000000001</v>
      </c>
      <c r="Q71" s="97">
        <v>1.4827018305993167E-2</v>
      </c>
      <c r="R71" s="199">
        <v>0.30599999999999999</v>
      </c>
      <c r="S71" s="97">
        <v>1.8479131389615589E-2</v>
      </c>
      <c r="T71" s="199">
        <v>0.52400000000000002</v>
      </c>
      <c r="U71" s="97">
        <v>2.0021115805993292E-2</v>
      </c>
      <c r="V71" s="199">
        <v>8.0000000000000002E-3</v>
      </c>
      <c r="W71" s="97">
        <v>3.7420660305171943E-3</v>
      </c>
    </row>
    <row r="72" spans="1:23">
      <c r="A72" s="45" t="s">
        <v>452</v>
      </c>
      <c r="B72" s="53">
        <v>92</v>
      </c>
      <c r="C72" s="84">
        <v>5.17</v>
      </c>
      <c r="D72" s="85">
        <v>0.29399999999999998</v>
      </c>
      <c r="E72" s="198">
        <v>0.11</v>
      </c>
      <c r="F72" s="94">
        <v>6.7795936917340413E-2</v>
      </c>
      <c r="G72" s="198">
        <v>0.19600000000000001</v>
      </c>
      <c r="H72" s="94">
        <v>8.2946993337333838E-2</v>
      </c>
      <c r="I72" s="198">
        <v>0.67600000000000005</v>
      </c>
      <c r="J72" s="94">
        <v>9.6079731550493069E-2</v>
      </c>
      <c r="K72" s="198">
        <v>1.7999999999999999E-2</v>
      </c>
      <c r="L72" s="94">
        <v>3.9068845780853928E-2</v>
      </c>
      <c r="M72" s="53">
        <v>93</v>
      </c>
      <c r="N72" s="84">
        <v>3.64</v>
      </c>
      <c r="O72" s="85">
        <v>0.3528</v>
      </c>
      <c r="P72" s="198">
        <v>0.16700000000000001</v>
      </c>
      <c r="Q72" s="94">
        <v>7.8140217041966567E-2</v>
      </c>
      <c r="R72" s="198">
        <v>0.313</v>
      </c>
      <c r="S72" s="94">
        <v>9.4782567554047847E-2</v>
      </c>
      <c r="T72" s="198">
        <v>0.51</v>
      </c>
      <c r="U72" s="94">
        <v>0.10151594813974031</v>
      </c>
      <c r="V72" s="198">
        <v>0.01</v>
      </c>
      <c r="W72" s="94">
        <v>3.4756159089575217E-2</v>
      </c>
    </row>
    <row r="73" spans="1:23">
      <c r="A73" s="49" t="s">
        <v>172</v>
      </c>
      <c r="B73" s="49">
        <v>245</v>
      </c>
      <c r="C73" s="180">
        <v>4.95</v>
      </c>
      <c r="D73" s="132">
        <v>0.23519999999999999</v>
      </c>
      <c r="E73" s="199">
        <v>0.26200000000000001</v>
      </c>
      <c r="F73" s="97">
        <v>5.5992149475473783E-2</v>
      </c>
      <c r="G73" s="199">
        <v>8.7999999999999995E-2</v>
      </c>
      <c r="H73" s="97">
        <v>3.7096599892529218E-2</v>
      </c>
      <c r="I73" s="199">
        <v>0.65</v>
      </c>
      <c r="J73" s="97">
        <v>6.0548640901285478E-2</v>
      </c>
      <c r="K73" s="199">
        <v>0</v>
      </c>
      <c r="L73" s="97">
        <v>1.131343404848041E-2</v>
      </c>
      <c r="M73" s="49">
        <v>245</v>
      </c>
      <c r="N73" s="180">
        <v>3.65</v>
      </c>
      <c r="O73" s="132">
        <v>0.23519999999999999</v>
      </c>
      <c r="P73" s="199">
        <v>0.16900000000000001</v>
      </c>
      <c r="Q73" s="97">
        <v>4.8084724219469091E-2</v>
      </c>
      <c r="R73" s="199">
        <v>0.35399999999999998</v>
      </c>
      <c r="S73" s="97">
        <v>6.0700509196585914E-2</v>
      </c>
      <c r="T73" s="199">
        <v>0.47699999999999998</v>
      </c>
      <c r="U73" s="97">
        <v>6.3307480600003463E-2</v>
      </c>
      <c r="V73" s="199">
        <v>1E-3</v>
      </c>
      <c r="W73" s="97">
        <v>1.1980422344628872E-2</v>
      </c>
    </row>
    <row r="74" spans="1:23" ht="25.5">
      <c r="A74" s="45" t="s">
        <v>436</v>
      </c>
      <c r="B74" s="53">
        <v>96</v>
      </c>
      <c r="C74" s="84">
        <v>4.99</v>
      </c>
      <c r="D74" s="85">
        <v>0.3528</v>
      </c>
      <c r="E74" s="198">
        <v>0.26</v>
      </c>
      <c r="F74" s="94">
        <v>8.8750400562476323E-2</v>
      </c>
      <c r="G74" s="198">
        <v>0.06</v>
      </c>
      <c r="H74" s="94">
        <v>5.3508219929278157E-2</v>
      </c>
      <c r="I74" s="198">
        <v>0.68</v>
      </c>
      <c r="J74" s="94">
        <v>9.3838192650967003E-2</v>
      </c>
      <c r="K74" s="198">
        <v>0</v>
      </c>
      <c r="L74" s="94">
        <v>2.8000000000000001E-2</v>
      </c>
      <c r="M74" s="53">
        <v>96</v>
      </c>
      <c r="N74" s="84">
        <v>3.81</v>
      </c>
      <c r="O74" s="85">
        <v>0.39200000000000002</v>
      </c>
      <c r="P74" s="198">
        <v>0.23799999999999999</v>
      </c>
      <c r="Q74" s="94">
        <v>8.6426313030234014E-2</v>
      </c>
      <c r="R74" s="198">
        <v>0.34499999999999997</v>
      </c>
      <c r="S74" s="94">
        <v>9.5469065146779344E-2</v>
      </c>
      <c r="T74" s="198">
        <v>0.41599999999999998</v>
      </c>
      <c r="U74" s="94">
        <v>9.8690868959595252E-2</v>
      </c>
      <c r="V74" s="198">
        <v>1E-3</v>
      </c>
      <c r="W74" s="94">
        <v>2.8650080907390123E-2</v>
      </c>
    </row>
    <row r="75" spans="1:23" ht="25.5">
      <c r="A75" s="49" t="s">
        <v>437</v>
      </c>
      <c r="B75" s="49">
        <v>116</v>
      </c>
      <c r="C75" s="180">
        <v>4.66</v>
      </c>
      <c r="D75" s="132">
        <v>0.3332</v>
      </c>
      <c r="E75" s="199">
        <v>0.27700000000000002</v>
      </c>
      <c r="F75" s="97">
        <v>8.2367269434369839E-2</v>
      </c>
      <c r="G75" s="199">
        <v>0.121</v>
      </c>
      <c r="H75" s="97">
        <v>6.2122316321795226E-2</v>
      </c>
      <c r="I75" s="199">
        <v>0.60199999999999998</v>
      </c>
      <c r="J75" s="97">
        <v>8.9494513798332925E-2</v>
      </c>
      <c r="K75" s="199">
        <v>0</v>
      </c>
      <c r="L75" s="97">
        <v>2.3372982186625143E-2</v>
      </c>
      <c r="M75" s="49">
        <v>116</v>
      </c>
      <c r="N75" s="180">
        <v>3.69</v>
      </c>
      <c r="O75" s="132">
        <v>0.3332</v>
      </c>
      <c r="P75" s="199">
        <v>0.183</v>
      </c>
      <c r="Q75" s="97">
        <v>7.2133813666505064E-2</v>
      </c>
      <c r="R75" s="199">
        <v>0.32500000000000001</v>
      </c>
      <c r="S75" s="97">
        <v>8.5903558111968203E-2</v>
      </c>
      <c r="T75" s="199">
        <v>0.49199999999999999</v>
      </c>
      <c r="U75" s="97">
        <v>9.1276173516706166E-2</v>
      </c>
      <c r="V75" s="199">
        <v>0</v>
      </c>
      <c r="W75" s="97">
        <v>2.3372982186625143E-2</v>
      </c>
    </row>
    <row r="76" spans="1:23">
      <c r="A76" s="45" t="s">
        <v>453</v>
      </c>
      <c r="B76" s="196">
        <v>541</v>
      </c>
      <c r="C76" s="84">
        <v>5.13</v>
      </c>
      <c r="D76" s="85">
        <v>0.13720000000000002</v>
      </c>
      <c r="E76" s="198">
        <v>0.16900000000000001</v>
      </c>
      <c r="F76" s="94">
        <v>3.2287849060288781E-2</v>
      </c>
      <c r="G76" s="198">
        <v>0.14099999999999999</v>
      </c>
      <c r="H76" s="94">
        <v>3.0046311494808971E-2</v>
      </c>
      <c r="I76" s="198">
        <v>0.67700000000000005</v>
      </c>
      <c r="J76" s="94">
        <v>4.0103461390687982E-2</v>
      </c>
      <c r="K76" s="198">
        <v>1.2E-2</v>
      </c>
      <c r="L76" s="94">
        <v>1.061031643261813E-2</v>
      </c>
      <c r="M76" s="196">
        <v>544</v>
      </c>
      <c r="N76" s="84">
        <v>3.49</v>
      </c>
      <c r="O76" s="85">
        <v>0.15679999999999999</v>
      </c>
      <c r="P76" s="198">
        <v>0.152</v>
      </c>
      <c r="Q76" s="94">
        <v>3.0882103250889983E-2</v>
      </c>
      <c r="R76" s="198">
        <v>0.33999999999999997</v>
      </c>
      <c r="S76" s="94">
        <v>4.0505236092678899E-2</v>
      </c>
      <c r="T76" s="198">
        <v>0.49399999999999999</v>
      </c>
      <c r="U76" s="94">
        <v>4.2714851827413317E-2</v>
      </c>
      <c r="V76" s="198">
        <v>1.4999999999999999E-2</v>
      </c>
      <c r="W76" s="94">
        <v>1.1524777804670162E-2</v>
      </c>
    </row>
    <row r="77" spans="1:23" ht="26.25" customHeight="1">
      <c r="A77" s="49" t="s">
        <v>438</v>
      </c>
      <c r="B77" s="197">
        <v>82</v>
      </c>
      <c r="C77" s="180">
        <v>4</v>
      </c>
      <c r="D77" s="132">
        <v>0.43119999999999997</v>
      </c>
      <c r="E77" s="199">
        <v>0.433</v>
      </c>
      <c r="F77" s="97">
        <v>0.10694899244991297</v>
      </c>
      <c r="G77" s="199">
        <v>0.13800000000000001</v>
      </c>
      <c r="H77" s="97">
        <v>7.8016887831251713E-2</v>
      </c>
      <c r="I77" s="199">
        <v>0.43</v>
      </c>
      <c r="J77" s="97">
        <v>0.10686771079540647</v>
      </c>
      <c r="K77" s="199">
        <v>0</v>
      </c>
      <c r="L77" s="97">
        <v>3.2504011252172456E-2</v>
      </c>
      <c r="M77" s="197">
        <v>82</v>
      </c>
      <c r="N77" s="180">
        <v>4.18</v>
      </c>
      <c r="O77" s="132">
        <v>0.47039999999999998</v>
      </c>
      <c r="P77" s="199">
        <v>0.36499999999999999</v>
      </c>
      <c r="Q77" s="97">
        <v>0.10419813909869467</v>
      </c>
      <c r="R77" s="199">
        <v>0.25800000000000001</v>
      </c>
      <c r="S77" s="97">
        <v>9.5663441197052862E-2</v>
      </c>
      <c r="T77" s="199">
        <v>0.377</v>
      </c>
      <c r="U77" s="97">
        <v>0.10482446452300205</v>
      </c>
      <c r="V77" s="199">
        <v>0</v>
      </c>
      <c r="W77" s="97">
        <v>3.2504011252172456E-2</v>
      </c>
    </row>
    <row r="78" spans="1:23" ht="27.75" customHeight="1">
      <c r="A78" s="45" t="s">
        <v>439</v>
      </c>
      <c r="B78" s="54">
        <v>79</v>
      </c>
      <c r="C78" s="84">
        <v>4.67</v>
      </c>
      <c r="D78" s="85">
        <v>0.37240000000000001</v>
      </c>
      <c r="E78" s="198">
        <v>0.19900000000000001</v>
      </c>
      <c r="F78" s="94">
        <v>8.9958813004361593E-2</v>
      </c>
      <c r="G78" s="198">
        <v>0.29299999999999998</v>
      </c>
      <c r="H78" s="94">
        <v>0.10088320945074279</v>
      </c>
      <c r="I78" s="198">
        <v>0.50800000000000001</v>
      </c>
      <c r="J78" s="94">
        <v>0.10975153099504308</v>
      </c>
      <c r="K78" s="198">
        <v>0</v>
      </c>
      <c r="L78" s="94">
        <v>3.3664360151118053E-2</v>
      </c>
      <c r="M78" s="54">
        <v>80</v>
      </c>
      <c r="N78" s="84">
        <v>3.78</v>
      </c>
      <c r="O78" s="85">
        <v>0.39200000000000002</v>
      </c>
      <c r="P78" s="198">
        <v>0.23699999999999999</v>
      </c>
      <c r="Q78" s="94">
        <v>9.4431047659764539E-2</v>
      </c>
      <c r="R78" s="198">
        <v>0.26500000000000001</v>
      </c>
      <c r="S78" s="94">
        <v>9.7567875531943751E-2</v>
      </c>
      <c r="T78" s="198">
        <v>0.498</v>
      </c>
      <c r="U78" s="94">
        <v>0.10910815339488704</v>
      </c>
      <c r="V78" s="198">
        <v>0</v>
      </c>
      <c r="W78" s="94">
        <v>3.326848242884628E-2</v>
      </c>
    </row>
    <row r="79" spans="1:23">
      <c r="A79" s="49" t="s">
        <v>440</v>
      </c>
      <c r="B79" s="197">
        <v>79</v>
      </c>
      <c r="C79" s="180">
        <v>5.01</v>
      </c>
      <c r="D79" s="132">
        <v>0.29399999999999998</v>
      </c>
      <c r="E79" s="199">
        <v>0.188</v>
      </c>
      <c r="F79" s="97">
        <v>8.8307368076136997E-2</v>
      </c>
      <c r="G79" s="199">
        <v>0.13300000000000001</v>
      </c>
      <c r="H79" s="97">
        <v>7.8534851835206712E-2</v>
      </c>
      <c r="I79" s="199">
        <v>0.66900000000000004</v>
      </c>
      <c r="J79" s="97">
        <v>0.10392896863317562</v>
      </c>
      <c r="K79" s="199">
        <v>0.01</v>
      </c>
      <c r="L79" s="97">
        <v>3.9566644133682993E-2</v>
      </c>
      <c r="M79" s="197">
        <v>79</v>
      </c>
      <c r="N79" s="180">
        <v>3.15</v>
      </c>
      <c r="O79" s="132">
        <v>0.37240000000000001</v>
      </c>
      <c r="P79" s="199">
        <v>8.2000000000000003E-2</v>
      </c>
      <c r="Q79" s="97">
        <v>6.648165375498799E-2</v>
      </c>
      <c r="R79" s="199">
        <v>0.30599999999999999</v>
      </c>
      <c r="S79" s="97">
        <v>0.10200499752221158</v>
      </c>
      <c r="T79" s="199">
        <v>0.61199999999999999</v>
      </c>
      <c r="U79" s="97">
        <v>0.10724050804948208</v>
      </c>
      <c r="V79" s="199">
        <v>0</v>
      </c>
      <c r="W79" s="97">
        <v>3.3664360151118053E-2</v>
      </c>
    </row>
    <row r="80" spans="1:23">
      <c r="A80" s="57" t="s">
        <v>441</v>
      </c>
      <c r="B80" s="196">
        <v>74</v>
      </c>
      <c r="C80" s="84">
        <v>6.46</v>
      </c>
      <c r="D80" s="85">
        <v>0.19600000000000001</v>
      </c>
      <c r="E80" s="198">
        <v>1.4999999999999999E-2</v>
      </c>
      <c r="F80" s="94">
        <v>4.4307801504114591E-2</v>
      </c>
      <c r="G80" s="198">
        <v>1.0999999999999999E-2</v>
      </c>
      <c r="H80" s="94">
        <v>4.2229761469313565E-2</v>
      </c>
      <c r="I80" s="198">
        <v>0.91100000000000003</v>
      </c>
      <c r="J80" s="94">
        <v>7.0877284373384766E-2</v>
      </c>
      <c r="K80" s="198">
        <v>6.2E-2</v>
      </c>
      <c r="L80" s="94">
        <v>6.2972434743713113E-2</v>
      </c>
      <c r="M80" s="196">
        <v>74</v>
      </c>
      <c r="N80" s="84">
        <v>3.14</v>
      </c>
      <c r="O80" s="85">
        <v>0.3528</v>
      </c>
      <c r="P80" s="198">
        <v>5.2999999999999999E-2</v>
      </c>
      <c r="Q80" s="94">
        <v>5.9982374895745989E-2</v>
      </c>
      <c r="R80" s="198">
        <v>0.44099999999999995</v>
      </c>
      <c r="S80" s="94">
        <v>0.11251595240457322</v>
      </c>
      <c r="T80" s="198">
        <v>0.50600000000000001</v>
      </c>
      <c r="U80" s="94">
        <v>0.11322036548551521</v>
      </c>
      <c r="V80" s="198">
        <v>0</v>
      </c>
      <c r="W80" s="94">
        <v>3.5793971305236552E-2</v>
      </c>
    </row>
    <row r="81" spans="1:32" ht="25.5">
      <c r="A81" s="49" t="s">
        <v>442</v>
      </c>
      <c r="B81" s="197">
        <v>114</v>
      </c>
      <c r="C81" s="180">
        <v>3.79</v>
      </c>
      <c r="D81" s="132">
        <v>0.3528</v>
      </c>
      <c r="E81" s="199">
        <v>0.42099999999999999</v>
      </c>
      <c r="F81" s="97">
        <v>9.0978661521581572E-2</v>
      </c>
      <c r="G81" s="199">
        <v>0.22800000000000001</v>
      </c>
      <c r="H81" s="97">
        <v>7.831852601489861E-2</v>
      </c>
      <c r="I81" s="199">
        <v>0.35099999999999998</v>
      </c>
      <c r="J81" s="97">
        <v>8.8159839713920524E-2</v>
      </c>
      <c r="K81" s="199">
        <v>0</v>
      </c>
      <c r="L81" s="97">
        <v>2.3765720057393202E-2</v>
      </c>
      <c r="M81" s="197">
        <v>114</v>
      </c>
      <c r="N81" s="180">
        <v>4.59</v>
      </c>
      <c r="O81" s="132">
        <v>0.3528</v>
      </c>
      <c r="P81" s="199">
        <v>0.42099999999999999</v>
      </c>
      <c r="Q81" s="97">
        <v>9.0978661521581572E-2</v>
      </c>
      <c r="R81" s="199">
        <v>0.27200000000000002</v>
      </c>
      <c r="S81" s="97">
        <v>8.2642912566198157E-2</v>
      </c>
      <c r="T81" s="199">
        <v>0.307</v>
      </c>
      <c r="U81" s="97">
        <v>8.541693423364044E-2</v>
      </c>
      <c r="V81" s="199">
        <v>0</v>
      </c>
      <c r="W81" s="97">
        <v>2.3765720057393202E-2</v>
      </c>
    </row>
    <row r="82" spans="1:32">
      <c r="A82" s="57" t="s">
        <v>443</v>
      </c>
      <c r="B82" s="196">
        <v>169</v>
      </c>
      <c r="C82" s="84">
        <v>5.45</v>
      </c>
      <c r="D82" s="85">
        <v>0.19600000000000001</v>
      </c>
      <c r="E82" s="198">
        <v>9.4E-2</v>
      </c>
      <c r="F82" s="94">
        <v>4.6295944940807285E-2</v>
      </c>
      <c r="G82" s="198">
        <v>0.11600000000000001</v>
      </c>
      <c r="H82" s="94">
        <v>5.0267249891187755E-2</v>
      </c>
      <c r="I82" s="198">
        <v>0.78500000000000003</v>
      </c>
      <c r="J82" s="94">
        <v>6.315183036573134E-2</v>
      </c>
      <c r="K82" s="198">
        <v>5.0000000000000001E-3</v>
      </c>
      <c r="L82" s="94">
        <v>1.9338568984519855E-2</v>
      </c>
      <c r="M82" s="196">
        <v>171</v>
      </c>
      <c r="N82" s="84">
        <v>3.36</v>
      </c>
      <c r="O82" s="85">
        <v>0.23519999999999999</v>
      </c>
      <c r="P82" s="198">
        <v>0.1</v>
      </c>
      <c r="Q82" s="94">
        <v>4.7142505873768621E-2</v>
      </c>
      <c r="R82" s="198">
        <v>0.377</v>
      </c>
      <c r="S82" s="94">
        <v>7.3376478488558744E-2</v>
      </c>
      <c r="T82" s="198">
        <v>0.48399999999999999</v>
      </c>
      <c r="U82" s="94">
        <v>7.55559310876317E-2</v>
      </c>
      <c r="V82" s="198">
        <v>0.04</v>
      </c>
      <c r="W82" s="94">
        <v>3.3110237571934917E-2</v>
      </c>
    </row>
    <row r="83" spans="1:32">
      <c r="A83" s="49" t="s">
        <v>455</v>
      </c>
      <c r="B83" s="197">
        <v>149</v>
      </c>
      <c r="C83" s="180">
        <v>4.92</v>
      </c>
      <c r="D83" s="132">
        <v>0.23519999999999999</v>
      </c>
      <c r="E83" s="199">
        <v>0.193</v>
      </c>
      <c r="F83" s="97">
        <v>6.4800272996969985E-2</v>
      </c>
      <c r="G83" s="199">
        <v>0.20100000000000001</v>
      </c>
      <c r="H83" s="97">
        <v>6.5721228791373085E-2</v>
      </c>
      <c r="I83" s="199">
        <v>0.60599999999999998</v>
      </c>
      <c r="J83" s="97">
        <v>7.9103444061540115E-2</v>
      </c>
      <c r="K83" s="199">
        <v>0</v>
      </c>
      <c r="L83" s="97">
        <v>1.8365227853566944E-2</v>
      </c>
      <c r="M83" s="197">
        <v>150</v>
      </c>
      <c r="N83" s="180">
        <v>3.25</v>
      </c>
      <c r="O83" s="132">
        <v>0.29399999999999998</v>
      </c>
      <c r="P83" s="199">
        <v>0.124</v>
      </c>
      <c r="Q83" s="97">
        <v>5.4860585636407846E-2</v>
      </c>
      <c r="R83" s="199">
        <v>0.28999999999999998</v>
      </c>
      <c r="S83" s="97">
        <v>7.3530832304178922E-2</v>
      </c>
      <c r="T83" s="199">
        <v>0.57699999999999996</v>
      </c>
      <c r="U83" s="97">
        <v>7.9670588032238074E-2</v>
      </c>
      <c r="V83" s="199">
        <v>8.9999999999999993E-3</v>
      </c>
      <c r="W83" s="97">
        <v>2.3510176303944943E-2</v>
      </c>
    </row>
    <row r="84" spans="1:32">
      <c r="A84" s="57" t="s">
        <v>444</v>
      </c>
      <c r="B84" s="196">
        <v>89</v>
      </c>
      <c r="C84" s="84">
        <v>4.8899999999999997</v>
      </c>
      <c r="D84" s="85">
        <v>0.3332</v>
      </c>
      <c r="E84" s="198">
        <v>0.17799999999999999</v>
      </c>
      <c r="F84" s="94">
        <v>8.1661047730058944E-2</v>
      </c>
      <c r="G84" s="198">
        <v>0.20699999999999999</v>
      </c>
      <c r="H84" s="94">
        <v>8.5854852761282685E-2</v>
      </c>
      <c r="I84" s="198">
        <v>0.61499999999999999</v>
      </c>
      <c r="J84" s="94">
        <v>0.10115210927538956</v>
      </c>
      <c r="K84" s="198">
        <v>0</v>
      </c>
      <c r="L84" s="94">
        <v>3.0084393934100805E-2</v>
      </c>
      <c r="M84" s="196">
        <v>89</v>
      </c>
      <c r="N84" s="84">
        <v>3.56</v>
      </c>
      <c r="O84" s="85">
        <v>0.39200000000000002</v>
      </c>
      <c r="P84" s="198">
        <v>0.158</v>
      </c>
      <c r="Q84" s="94">
        <v>7.8392737414618316E-2</v>
      </c>
      <c r="R84" s="198">
        <v>0.31</v>
      </c>
      <c r="S84" s="94">
        <v>9.6595508267778088E-2</v>
      </c>
      <c r="T84" s="198">
        <v>0.51600000000000001</v>
      </c>
      <c r="U84" s="94">
        <v>0.10364653497252777</v>
      </c>
      <c r="V84" s="198">
        <v>1.4999999999999999E-2</v>
      </c>
      <c r="W84" s="94">
        <v>3.8562481086277592E-2</v>
      </c>
    </row>
    <row r="85" spans="1:32">
      <c r="A85" s="49" t="s">
        <v>454</v>
      </c>
      <c r="B85" s="197">
        <v>255</v>
      </c>
      <c r="C85" s="180">
        <v>4.38</v>
      </c>
      <c r="D85" s="132">
        <v>0.21559999999999999</v>
      </c>
      <c r="E85" s="199">
        <v>0.28399999999999997</v>
      </c>
      <c r="F85" s="97">
        <v>5.6236398948207041E-2</v>
      </c>
      <c r="G85" s="199">
        <v>0.17599999999999999</v>
      </c>
      <c r="H85" s="97">
        <v>4.7848128999308376E-2</v>
      </c>
      <c r="I85" s="199">
        <v>0.54</v>
      </c>
      <c r="J85" s="97">
        <v>6.1943932703563701E-2</v>
      </c>
      <c r="K85" s="199">
        <v>0</v>
      </c>
      <c r="L85" s="97">
        <v>1.087832197963676E-2</v>
      </c>
      <c r="M85" s="197">
        <v>257</v>
      </c>
      <c r="N85" s="180">
        <v>3.97</v>
      </c>
      <c r="O85" s="132">
        <v>0.23519999999999999</v>
      </c>
      <c r="P85" s="199">
        <v>0.26800000000000002</v>
      </c>
      <c r="Q85" s="97">
        <v>5.5060139297875399E-2</v>
      </c>
      <c r="R85" s="199">
        <v>0.28300000000000003</v>
      </c>
      <c r="S85" s="97">
        <v>5.596157424298713E-2</v>
      </c>
      <c r="T85" s="199">
        <v>0.43099999999999999</v>
      </c>
      <c r="U85" s="97">
        <v>6.132431377820656E-2</v>
      </c>
      <c r="V85" s="199">
        <v>1.7999999999999999E-2</v>
      </c>
      <c r="W85" s="97">
        <v>1.9472930330989381E-2</v>
      </c>
    </row>
    <row r="86" spans="1:32" ht="25.5">
      <c r="A86" s="57" t="s">
        <v>445</v>
      </c>
      <c r="B86" s="196">
        <v>111</v>
      </c>
      <c r="C86" s="84">
        <v>4.8499999999999996</v>
      </c>
      <c r="D86" s="85">
        <v>0.29399999999999998</v>
      </c>
      <c r="E86" s="198">
        <v>0.16400000000000001</v>
      </c>
      <c r="F86" s="94">
        <v>7.0973614161361637E-2</v>
      </c>
      <c r="G86" s="198">
        <v>0.19600000000000001</v>
      </c>
      <c r="H86" s="94">
        <v>7.5504363592503718E-2</v>
      </c>
      <c r="I86" s="198">
        <v>0.64</v>
      </c>
      <c r="J86" s="94">
        <v>8.9780363030727117E-2</v>
      </c>
      <c r="K86" s="198">
        <v>0</v>
      </c>
      <c r="L86" s="94">
        <v>2.4380210707016403E-2</v>
      </c>
      <c r="M86" s="196">
        <v>110</v>
      </c>
      <c r="N86" s="84">
        <v>3.49</v>
      </c>
      <c r="O86" s="85">
        <v>0.3528</v>
      </c>
      <c r="P86" s="198">
        <v>0.16</v>
      </c>
      <c r="Q86" s="94">
        <v>7.0678406833703286E-2</v>
      </c>
      <c r="R86" s="198">
        <v>0.27200000000000002</v>
      </c>
      <c r="S86" s="94">
        <v>8.4105197286055491E-2</v>
      </c>
      <c r="T86" s="198">
        <v>0.56699999999999995</v>
      </c>
      <c r="U86" s="94">
        <v>9.2872387624997721E-2</v>
      </c>
      <c r="V86" s="198">
        <v>0</v>
      </c>
      <c r="W86" s="94">
        <v>2.4592162949139032E-2</v>
      </c>
    </row>
    <row r="87" spans="1:32">
      <c r="A87" s="49" t="s">
        <v>471</v>
      </c>
      <c r="B87" s="197">
        <v>88</v>
      </c>
      <c r="C87" s="180">
        <v>4.3899999999999997</v>
      </c>
      <c r="D87" s="132">
        <v>0.37240000000000001</v>
      </c>
      <c r="E87" s="199">
        <v>0.26300000000000001</v>
      </c>
      <c r="F87" s="97">
        <v>9.2925655484334499E-2</v>
      </c>
      <c r="G87" s="199">
        <v>0.16900000000000001</v>
      </c>
      <c r="H87" s="97">
        <v>8.0692366385747422E-2</v>
      </c>
      <c r="I87" s="199">
        <v>0.56699999999999995</v>
      </c>
      <c r="J87" s="97">
        <v>0.10339726302066404</v>
      </c>
      <c r="K87" s="199">
        <v>0</v>
      </c>
      <c r="L87" s="97">
        <v>3.0407765486097187E-2</v>
      </c>
      <c r="M87" s="197">
        <v>91</v>
      </c>
      <c r="N87" s="180">
        <v>3.73</v>
      </c>
      <c r="O87" s="132">
        <v>0.37240000000000001</v>
      </c>
      <c r="P87" s="199">
        <v>0.21</v>
      </c>
      <c r="Q87" s="97">
        <v>8.5306384856431786E-2</v>
      </c>
      <c r="R87" s="199">
        <v>0.30599999999999999</v>
      </c>
      <c r="S87" s="97">
        <v>9.5248511360861307E-2</v>
      </c>
      <c r="T87" s="199">
        <v>0.437</v>
      </c>
      <c r="U87" s="97">
        <v>0.10184781115383641</v>
      </c>
      <c r="V87" s="199">
        <v>4.7E-2</v>
      </c>
      <c r="W87" s="97">
        <v>5.0972831758589097E-2</v>
      </c>
    </row>
    <row r="88" spans="1:32" ht="25.5">
      <c r="A88" s="57" t="s">
        <v>442</v>
      </c>
      <c r="B88" s="196">
        <v>114</v>
      </c>
      <c r="C88" s="84">
        <v>3.79</v>
      </c>
      <c r="D88" s="85">
        <v>0.3528</v>
      </c>
      <c r="E88" s="198">
        <v>0.42099999999999999</v>
      </c>
      <c r="F88" s="94">
        <v>9.0978661521581572E-2</v>
      </c>
      <c r="G88" s="198">
        <v>0.22800000000000001</v>
      </c>
      <c r="H88" s="94">
        <v>7.831852601489861E-2</v>
      </c>
      <c r="I88" s="198">
        <v>0.35099999999999998</v>
      </c>
      <c r="J88" s="94">
        <v>8.8159839713920524E-2</v>
      </c>
      <c r="K88" s="198">
        <v>0</v>
      </c>
      <c r="L88" s="94">
        <v>2.3765720057393202E-2</v>
      </c>
      <c r="M88" s="196">
        <v>114</v>
      </c>
      <c r="N88" s="84">
        <v>4.59</v>
      </c>
      <c r="O88" s="85">
        <v>0.3528</v>
      </c>
      <c r="P88" s="198">
        <v>0.42099999999999999</v>
      </c>
      <c r="Q88" s="94">
        <v>9.0978661521581572E-2</v>
      </c>
      <c r="R88" s="198">
        <v>0.27200000000000002</v>
      </c>
      <c r="S88" s="94">
        <v>8.2642912566198157E-2</v>
      </c>
      <c r="T88" s="198">
        <v>0.307</v>
      </c>
      <c r="U88" s="94">
        <v>8.541693423364044E-2</v>
      </c>
      <c r="V88" s="198">
        <v>0</v>
      </c>
      <c r="W88" s="94">
        <v>2.3765720057393202E-2</v>
      </c>
    </row>
    <row r="90" spans="1:32" ht="18.75">
      <c r="A90" s="320" t="s">
        <v>276</v>
      </c>
      <c r="B90" s="320"/>
      <c r="C90" s="320"/>
      <c r="D90" s="320"/>
      <c r="E90" s="320"/>
      <c r="F90" s="320"/>
      <c r="G90" s="320"/>
      <c r="H90" s="320"/>
      <c r="I90" s="320"/>
      <c r="J90" s="320"/>
      <c r="K90" s="320"/>
      <c r="L90" s="320"/>
      <c r="M90" s="236"/>
      <c r="N90" s="236"/>
      <c r="O90" s="236"/>
      <c r="P90" s="266"/>
      <c r="Q90" s="266"/>
      <c r="R90" s="266"/>
      <c r="S90" s="266"/>
      <c r="T90" s="266"/>
      <c r="U90" s="266"/>
      <c r="V90" s="266"/>
      <c r="W90" s="266"/>
      <c r="X90" s="266"/>
      <c r="Y90" s="266"/>
      <c r="Z90" s="266"/>
      <c r="AA90" s="266"/>
      <c r="AB90" s="266"/>
    </row>
    <row r="91" spans="1:32" ht="41.25" customHeight="1">
      <c r="A91" s="423" t="s">
        <v>502</v>
      </c>
      <c r="B91" s="423"/>
      <c r="C91" s="423"/>
      <c r="D91" s="423"/>
      <c r="E91" s="423"/>
      <c r="F91" s="423"/>
      <c r="G91" s="423"/>
      <c r="H91" s="423"/>
      <c r="I91" s="423"/>
      <c r="J91" s="423"/>
      <c r="K91" s="423"/>
      <c r="L91" s="423"/>
      <c r="M91" s="332"/>
      <c r="N91" s="249"/>
      <c r="O91" s="249"/>
      <c r="P91" s="266"/>
      <c r="Q91" s="266"/>
      <c r="R91" s="266"/>
      <c r="S91" s="266"/>
      <c r="T91" s="266"/>
      <c r="U91" s="266"/>
      <c r="V91" s="266"/>
      <c r="W91" s="266"/>
      <c r="X91" s="266"/>
      <c r="Y91" s="266"/>
      <c r="Z91" s="266"/>
      <c r="AA91" s="266"/>
      <c r="AB91" s="266"/>
    </row>
    <row r="92" spans="1:32" ht="36" customHeight="1">
      <c r="A92" s="64"/>
      <c r="B92" s="402" t="s">
        <v>277</v>
      </c>
      <c r="C92" s="403"/>
      <c r="D92" s="403"/>
      <c r="E92" s="403"/>
      <c r="F92" s="403"/>
      <c r="G92" s="403"/>
      <c r="H92" s="403"/>
      <c r="I92" s="403"/>
      <c r="J92" s="403"/>
      <c r="K92" s="403"/>
      <c r="L92" s="404"/>
      <c r="M92" s="266"/>
      <c r="N92" s="266"/>
      <c r="O92" s="266"/>
      <c r="P92" s="266"/>
      <c r="Q92" s="266"/>
      <c r="R92" s="266"/>
      <c r="S92" s="266"/>
      <c r="T92" s="266"/>
      <c r="U92" s="266"/>
      <c r="V92" s="266"/>
      <c r="W92" s="266"/>
      <c r="X92" s="266"/>
      <c r="Y92" s="266"/>
      <c r="Z92" s="266"/>
      <c r="AA92" s="266"/>
      <c r="AB92" s="266"/>
      <c r="AC92" s="266"/>
      <c r="AD92" s="266"/>
      <c r="AE92" s="266"/>
      <c r="AF92" s="266"/>
    </row>
    <row r="93" spans="1:32" ht="39.75" customHeight="1">
      <c r="A93" s="37" t="s">
        <v>85</v>
      </c>
      <c r="B93" s="38" t="s">
        <v>86</v>
      </c>
      <c r="C93" s="39" t="s">
        <v>87</v>
      </c>
      <c r="D93" s="40" t="s">
        <v>88</v>
      </c>
      <c r="E93" s="38" t="s">
        <v>367</v>
      </c>
      <c r="F93" s="89" t="s">
        <v>162</v>
      </c>
      <c r="G93" s="38" t="s">
        <v>368</v>
      </c>
      <c r="H93" s="89" t="s">
        <v>163</v>
      </c>
      <c r="I93" s="38" t="s">
        <v>369</v>
      </c>
      <c r="J93" s="89" t="s">
        <v>136</v>
      </c>
      <c r="K93" s="38" t="s">
        <v>356</v>
      </c>
      <c r="L93" s="89" t="s">
        <v>370</v>
      </c>
      <c r="M93" s="266"/>
      <c r="N93" s="266"/>
      <c r="O93" s="266"/>
      <c r="P93" s="266"/>
      <c r="Q93" s="266"/>
      <c r="R93" s="266"/>
      <c r="S93" s="266"/>
      <c r="T93" s="266"/>
      <c r="U93" s="266"/>
      <c r="V93" s="266"/>
      <c r="W93" s="266"/>
      <c r="X93" s="266"/>
      <c r="Y93" s="266"/>
      <c r="Z93" s="266"/>
      <c r="AA93" s="266"/>
      <c r="AB93" s="266"/>
      <c r="AC93" s="266"/>
      <c r="AD93" s="266"/>
      <c r="AE93" s="266"/>
      <c r="AF93" s="266"/>
    </row>
    <row r="94" spans="1:32" ht="72">
      <c r="A94" s="41"/>
      <c r="B94" s="42" t="s">
        <v>89</v>
      </c>
      <c r="C94" s="128" t="s">
        <v>359</v>
      </c>
      <c r="D94" s="44" t="s">
        <v>91</v>
      </c>
      <c r="E94" s="42" t="s">
        <v>182</v>
      </c>
      <c r="F94" s="91" t="s">
        <v>104</v>
      </c>
      <c r="G94" s="42" t="s">
        <v>183</v>
      </c>
      <c r="H94" s="91" t="s">
        <v>104</v>
      </c>
      <c r="I94" s="42" t="s">
        <v>184</v>
      </c>
      <c r="J94" s="91" t="s">
        <v>104</v>
      </c>
      <c r="K94" s="42" t="s">
        <v>356</v>
      </c>
      <c r="L94" s="91" t="s">
        <v>104</v>
      </c>
    </row>
    <row r="95" spans="1:32">
      <c r="A95" s="45" t="s">
        <v>430</v>
      </c>
      <c r="B95" s="200">
        <v>11008</v>
      </c>
      <c r="C95" s="84">
        <v>4.67</v>
      </c>
      <c r="D95" s="85">
        <v>1.9599999999999999E-2</v>
      </c>
      <c r="E95" s="198">
        <v>0.189</v>
      </c>
      <c r="F95" s="94">
        <v>7.4634173341499794E-3</v>
      </c>
      <c r="G95" s="198">
        <v>0.216</v>
      </c>
      <c r="H95" s="94">
        <v>7.8443490467367868E-3</v>
      </c>
      <c r="I95" s="198">
        <v>0.56899999999999995</v>
      </c>
      <c r="J95" s="94">
        <v>9.4383205836198036E-3</v>
      </c>
      <c r="K95" s="198">
        <v>2.5999999999999999E-2</v>
      </c>
      <c r="L95" s="94">
        <v>3.0426913391641314E-3</v>
      </c>
    </row>
    <row r="96" spans="1:32">
      <c r="A96" s="49" t="s">
        <v>431</v>
      </c>
      <c r="B96" s="49">
        <v>8860</v>
      </c>
      <c r="C96" s="180">
        <v>4.57</v>
      </c>
      <c r="D96" s="132">
        <v>3.9199999999999999E-2</v>
      </c>
      <c r="E96" s="199">
        <v>0.215</v>
      </c>
      <c r="F96" s="97">
        <v>8.7289791651642898E-3</v>
      </c>
      <c r="G96" s="199">
        <v>0.22</v>
      </c>
      <c r="H96" s="97">
        <v>8.8016331700968512E-3</v>
      </c>
      <c r="I96" s="199">
        <v>0.54900000000000004</v>
      </c>
      <c r="J96" s="97">
        <v>1.0570401050802519E-2</v>
      </c>
      <c r="K96" s="199">
        <v>1.7000000000000001E-2</v>
      </c>
      <c r="L96" s="97">
        <v>2.763341621824688E-3</v>
      </c>
    </row>
    <row r="97" spans="1:12">
      <c r="A97" s="45" t="s">
        <v>432</v>
      </c>
      <c r="B97" s="53">
        <v>1986</v>
      </c>
      <c r="C97" s="84">
        <v>4.92</v>
      </c>
      <c r="D97" s="85">
        <v>5.8799999999999998E-2</v>
      </c>
      <c r="E97" s="198">
        <v>0.13120000000000001</v>
      </c>
      <c r="F97" s="94">
        <v>1.5172892925373804E-2</v>
      </c>
      <c r="G97" s="198">
        <v>0.19359999999999999</v>
      </c>
      <c r="H97" s="94">
        <v>1.7735979477157507E-2</v>
      </c>
      <c r="I97" s="198">
        <v>0.63390000000000002</v>
      </c>
      <c r="J97" s="94">
        <v>2.1601358359796648E-2</v>
      </c>
      <c r="K97" s="198">
        <v>4.1399999999999999E-2</v>
      </c>
      <c r="L97" s="94">
        <v>9.0260008033036035E-3</v>
      </c>
    </row>
    <row r="98" spans="1:12">
      <c r="A98" s="49" t="s">
        <v>433</v>
      </c>
      <c r="B98" s="49">
        <v>133</v>
      </c>
      <c r="C98" s="180">
        <v>5.1100000000000003</v>
      </c>
      <c r="D98" s="132">
        <v>0.21559999999999999</v>
      </c>
      <c r="E98" s="199">
        <v>0.10299999999999999</v>
      </c>
      <c r="F98" s="97">
        <v>5.4427367630318753E-2</v>
      </c>
      <c r="G98" s="199">
        <v>0.19400000000000001</v>
      </c>
      <c r="H98" s="97">
        <v>6.8721796877199273E-2</v>
      </c>
      <c r="I98" s="199">
        <v>0.64500000000000002</v>
      </c>
      <c r="J98" s="97">
        <v>8.1980024993646206E-2</v>
      </c>
      <c r="K98" s="199">
        <v>5.8999999999999997E-2</v>
      </c>
      <c r="L98" s="97">
        <v>4.4133098499735693E-2</v>
      </c>
    </row>
    <row r="99" spans="1:12">
      <c r="A99" s="45" t="s">
        <v>434</v>
      </c>
      <c r="B99" s="53">
        <v>3072</v>
      </c>
      <c r="C99" s="84">
        <v>4.6900000000000004</v>
      </c>
      <c r="D99" s="85">
        <v>5.8799999999999998E-2</v>
      </c>
      <c r="E99" s="198">
        <v>0.182</v>
      </c>
      <c r="F99" s="94">
        <v>1.3926186160827138E-2</v>
      </c>
      <c r="G99" s="198">
        <v>0.216</v>
      </c>
      <c r="H99" s="94">
        <v>1.4848766532691833E-2</v>
      </c>
      <c r="I99" s="198">
        <v>0.57999999999999996</v>
      </c>
      <c r="J99" s="94">
        <v>1.7798782638746211E-2</v>
      </c>
      <c r="K99" s="198">
        <v>2.3E-2</v>
      </c>
      <c r="L99" s="94">
        <v>5.4763195346014884E-3</v>
      </c>
    </row>
    <row r="100" spans="1:12">
      <c r="A100" s="49" t="s">
        <v>435</v>
      </c>
      <c r="B100" s="49">
        <v>2481</v>
      </c>
      <c r="C100" s="180">
        <v>4.62</v>
      </c>
      <c r="D100" s="132">
        <v>5.8799999999999998E-2</v>
      </c>
      <c r="E100" s="199">
        <v>0.19700000000000001</v>
      </c>
      <c r="F100" s="97">
        <v>1.5972124827419693E-2</v>
      </c>
      <c r="G100" s="199">
        <v>0.223</v>
      </c>
      <c r="H100" s="97">
        <v>1.6712400537496345E-2</v>
      </c>
      <c r="I100" s="199">
        <v>0.55900000000000005</v>
      </c>
      <c r="J100" s="97">
        <v>1.9920574580586492E-2</v>
      </c>
      <c r="K100" s="199">
        <v>0.02</v>
      </c>
      <c r="L100" s="97">
        <v>5.722085901864459E-3</v>
      </c>
    </row>
    <row r="101" spans="1:12">
      <c r="A101" s="45" t="s">
        <v>452</v>
      </c>
      <c r="B101" s="53">
        <v>93</v>
      </c>
      <c r="C101" s="84">
        <v>4.28</v>
      </c>
      <c r="D101" s="85">
        <v>0.3332</v>
      </c>
      <c r="E101" s="198">
        <v>0.28100000000000003</v>
      </c>
      <c r="F101" s="94">
        <v>9.2148018249929312E-2</v>
      </c>
      <c r="G101" s="198">
        <v>0.25800000000000001</v>
      </c>
      <c r="H101" s="94">
        <v>8.9940743967030445E-2</v>
      </c>
      <c r="I101" s="198">
        <v>0.434</v>
      </c>
      <c r="J101" s="94">
        <v>0.10071821472588137</v>
      </c>
      <c r="K101" s="198">
        <v>2.7E-2</v>
      </c>
      <c r="L101" s="94">
        <v>4.276159044960632E-2</v>
      </c>
    </row>
    <row r="102" spans="1:12">
      <c r="A102" s="49" t="s">
        <v>172</v>
      </c>
      <c r="B102" s="49">
        <v>244</v>
      </c>
      <c r="C102" s="180">
        <v>4.7300000000000004</v>
      </c>
      <c r="D102" s="132">
        <v>0.1764</v>
      </c>
      <c r="E102" s="199">
        <v>0.21099999999999999</v>
      </c>
      <c r="F102" s="97">
        <v>5.2232652341506779E-2</v>
      </c>
      <c r="G102" s="199">
        <v>0.16700000000000001</v>
      </c>
      <c r="H102" s="97">
        <v>4.796827197719479E-2</v>
      </c>
      <c r="I102" s="199">
        <v>0.58099999999999996</v>
      </c>
      <c r="J102" s="97">
        <v>6.2688289067554831E-2</v>
      </c>
      <c r="K102" s="199">
        <v>4.2000000000000003E-2</v>
      </c>
      <c r="L102" s="97">
        <v>2.7517739570523031E-2</v>
      </c>
    </row>
    <row r="103" spans="1:12" ht="25.5">
      <c r="A103" s="45" t="s">
        <v>436</v>
      </c>
      <c r="B103" s="53">
        <v>95</v>
      </c>
      <c r="C103" s="84">
        <v>4.66</v>
      </c>
      <c r="D103" s="85">
        <v>0.27440000000000003</v>
      </c>
      <c r="E103" s="198">
        <v>0.22600000000000001</v>
      </c>
      <c r="F103" s="94">
        <v>8.5485703670901456E-2</v>
      </c>
      <c r="G103" s="198">
        <v>0.19600000000000001</v>
      </c>
      <c r="H103" s="94">
        <v>8.1625182221792159E-2</v>
      </c>
      <c r="I103" s="198">
        <v>0.54800000000000004</v>
      </c>
      <c r="J103" s="94">
        <v>0.10007641940024091</v>
      </c>
      <c r="K103" s="198">
        <v>0.03</v>
      </c>
      <c r="L103" s="94">
        <v>4.3386861478608693E-2</v>
      </c>
    </row>
    <row r="104" spans="1:12" ht="25.5">
      <c r="A104" s="49" t="s">
        <v>437</v>
      </c>
      <c r="B104" s="49">
        <v>116</v>
      </c>
      <c r="C104" s="180">
        <v>4.6399999999999997</v>
      </c>
      <c r="D104" s="132">
        <v>0.23519999999999999</v>
      </c>
      <c r="E104" s="199">
        <v>0.224</v>
      </c>
      <c r="F104" s="97">
        <v>7.7204870312694657E-2</v>
      </c>
      <c r="G104" s="199">
        <v>0.14099999999999999</v>
      </c>
      <c r="H104" s="97">
        <v>6.5718557895406163E-2</v>
      </c>
      <c r="I104" s="199">
        <v>0.55600000000000005</v>
      </c>
      <c r="J104" s="97">
        <v>9.0750497192801871E-2</v>
      </c>
      <c r="K104" s="199">
        <v>7.9000000000000001E-2</v>
      </c>
      <c r="L104" s="97">
        <v>5.3033992942332825E-2</v>
      </c>
    </row>
    <row r="105" spans="1:12">
      <c r="A105" s="45" t="s">
        <v>453</v>
      </c>
      <c r="B105" s="200">
        <v>542</v>
      </c>
      <c r="C105" s="84">
        <v>4.8099999999999996</v>
      </c>
      <c r="D105" s="85">
        <v>0.1176</v>
      </c>
      <c r="E105" s="198">
        <v>0.14899999999999999</v>
      </c>
      <c r="F105" s="94">
        <v>3.0693752644011411E-2</v>
      </c>
      <c r="G105" s="198">
        <v>0.23799999999999999</v>
      </c>
      <c r="H105" s="94">
        <v>3.6550741361771076E-2</v>
      </c>
      <c r="I105" s="198">
        <v>0.60399999999999998</v>
      </c>
      <c r="J105" s="94">
        <v>4.1873863939899503E-2</v>
      </c>
      <c r="K105" s="198">
        <v>8.9999999999999993E-3</v>
      </c>
      <c r="L105" s="94">
        <v>9.5458728341536597E-3</v>
      </c>
    </row>
    <row r="106" spans="1:12" ht="25.5">
      <c r="A106" s="49" t="s">
        <v>438</v>
      </c>
      <c r="B106" s="201">
        <v>82</v>
      </c>
      <c r="C106" s="180">
        <v>4.75</v>
      </c>
      <c r="D106" s="132">
        <v>0.29399999999999998</v>
      </c>
      <c r="E106" s="199">
        <v>0.16600000000000001</v>
      </c>
      <c r="F106" s="97">
        <v>8.3130597650549878E-2</v>
      </c>
      <c r="G106" s="199">
        <v>0.23899999999999999</v>
      </c>
      <c r="H106" s="97">
        <v>9.3527379128305166E-2</v>
      </c>
      <c r="I106" s="199">
        <v>0.58199999999999996</v>
      </c>
      <c r="J106" s="97">
        <v>0.10650623786315022</v>
      </c>
      <c r="K106" s="199">
        <v>1.2999999999999999E-2</v>
      </c>
      <c r="L106" s="97">
        <v>3.9988461930312344E-2</v>
      </c>
    </row>
    <row r="107" spans="1:12" ht="25.5" customHeight="1">
      <c r="A107" s="45" t="s">
        <v>439</v>
      </c>
      <c r="B107" s="54">
        <v>80</v>
      </c>
      <c r="C107" s="84">
        <v>5.23</v>
      </c>
      <c r="D107" s="85">
        <v>0.3332</v>
      </c>
      <c r="E107" s="198">
        <v>9.2999999999999999E-2</v>
      </c>
      <c r="F107" s="94">
        <v>6.8920752947170275E-2</v>
      </c>
      <c r="G107" s="198">
        <v>0.185</v>
      </c>
      <c r="H107" s="94">
        <v>8.7287156094396967E-2</v>
      </c>
      <c r="I107" s="198">
        <v>0.72199999999999998</v>
      </c>
      <c r="J107" s="94">
        <v>9.8874128539576223E-2</v>
      </c>
      <c r="K107" s="198">
        <v>0</v>
      </c>
      <c r="L107" s="94">
        <v>3.326848242884628E-2</v>
      </c>
    </row>
    <row r="108" spans="1:12">
      <c r="A108" s="49" t="s">
        <v>440</v>
      </c>
      <c r="B108" s="201">
        <v>79</v>
      </c>
      <c r="C108" s="180">
        <v>5.23</v>
      </c>
      <c r="D108" s="132">
        <v>0.25480000000000003</v>
      </c>
      <c r="E108" s="199">
        <v>3.4000000000000002E-2</v>
      </c>
      <c r="F108" s="97">
        <v>5.0667993084841483E-2</v>
      </c>
      <c r="G108" s="199">
        <v>0.23899999999999999</v>
      </c>
      <c r="H108" s="97">
        <v>9.5257840471357394E-2</v>
      </c>
      <c r="I108" s="199">
        <v>0.71499999999999997</v>
      </c>
      <c r="J108" s="97">
        <v>0.10015002291815753</v>
      </c>
      <c r="K108" s="199">
        <v>1.2E-2</v>
      </c>
      <c r="L108" s="97">
        <v>4.0631484516035259E-2</v>
      </c>
    </row>
    <row r="109" spans="1:12">
      <c r="A109" s="57" t="s">
        <v>441</v>
      </c>
      <c r="B109" s="200">
        <v>75</v>
      </c>
      <c r="C109" s="84">
        <v>5.04</v>
      </c>
      <c r="D109" s="85">
        <v>0.29399999999999998</v>
      </c>
      <c r="E109" s="198">
        <v>0.114</v>
      </c>
      <c r="F109" s="94">
        <v>7.6542442175655478E-2</v>
      </c>
      <c r="G109" s="198">
        <v>0.151</v>
      </c>
      <c r="H109" s="94">
        <v>8.4260301407190291E-2</v>
      </c>
      <c r="I109" s="198">
        <v>0.72499999999999998</v>
      </c>
      <c r="J109" s="94">
        <v>0.1017248200138659</v>
      </c>
      <c r="K109" s="198">
        <v>0.01</v>
      </c>
      <c r="L109" s="94">
        <v>4.1245410435650623E-2</v>
      </c>
    </row>
    <row r="110" spans="1:12" ht="25.5">
      <c r="A110" s="49" t="s">
        <v>442</v>
      </c>
      <c r="B110" s="201">
        <v>112</v>
      </c>
      <c r="C110" s="180">
        <v>3.63</v>
      </c>
      <c r="D110" s="132">
        <v>0.27440000000000003</v>
      </c>
      <c r="E110" s="199">
        <v>0.42399999999999999</v>
      </c>
      <c r="F110" s="97">
        <v>9.1842345581101825E-2</v>
      </c>
      <c r="G110" s="199">
        <v>0.26500000000000001</v>
      </c>
      <c r="H110" s="97">
        <v>8.2737214829740349E-2</v>
      </c>
      <c r="I110" s="199">
        <v>0.311</v>
      </c>
      <c r="J110" s="97">
        <v>8.6443133152256393E-2</v>
      </c>
      <c r="K110" s="199">
        <v>0</v>
      </c>
      <c r="L110" s="97">
        <v>2.4171880321350918E-2</v>
      </c>
    </row>
    <row r="111" spans="1:12">
      <c r="A111" s="57" t="s">
        <v>443</v>
      </c>
      <c r="B111" s="200">
        <v>170</v>
      </c>
      <c r="C111" s="84">
        <v>4.6100000000000003</v>
      </c>
      <c r="D111" s="85">
        <v>0.21559999999999999</v>
      </c>
      <c r="E111" s="198">
        <v>0.189</v>
      </c>
      <c r="F111" s="94">
        <v>6.0205553691737169E-2</v>
      </c>
      <c r="G111" s="198">
        <v>0.28199999999999997</v>
      </c>
      <c r="H111" s="94">
        <v>6.8587706485276859E-2</v>
      </c>
      <c r="I111" s="198">
        <v>0.51900000000000002</v>
      </c>
      <c r="J111" s="94">
        <v>7.5757539273989136E-2</v>
      </c>
      <c r="K111" s="198">
        <v>0.01</v>
      </c>
      <c r="L111" s="94">
        <v>2.1873299987786983E-2</v>
      </c>
    </row>
    <row r="112" spans="1:12">
      <c r="A112" s="49" t="s">
        <v>455</v>
      </c>
      <c r="B112" s="201">
        <v>150</v>
      </c>
      <c r="C112" s="180">
        <v>4.5199999999999996</v>
      </c>
      <c r="D112" s="132">
        <v>0.21559999999999999</v>
      </c>
      <c r="E112" s="199">
        <v>0.21299999999999999</v>
      </c>
      <c r="F112" s="97">
        <v>6.681129441087412E-2</v>
      </c>
      <c r="G112" s="199">
        <v>0.22900000000000001</v>
      </c>
      <c r="H112" s="97">
        <v>6.8437965067740122E-2</v>
      </c>
      <c r="I112" s="199">
        <v>0.54400000000000004</v>
      </c>
      <c r="J112" s="97">
        <v>8.0285734093052452E-2</v>
      </c>
      <c r="K112" s="199">
        <v>1.4E-2</v>
      </c>
      <c r="L112" s="97">
        <v>2.5944282176937013E-2</v>
      </c>
    </row>
    <row r="113" spans="1:45">
      <c r="A113" s="57" t="s">
        <v>444</v>
      </c>
      <c r="B113" s="200">
        <v>89</v>
      </c>
      <c r="C113" s="84">
        <v>4.46</v>
      </c>
      <c r="D113" s="85">
        <v>0.27440000000000003</v>
      </c>
      <c r="E113" s="198">
        <v>0.19600000000000001</v>
      </c>
      <c r="F113" s="94">
        <v>8.4334918796661482E-2</v>
      </c>
      <c r="G113" s="198">
        <v>0.30099999999999999</v>
      </c>
      <c r="H113" s="94">
        <v>9.5879018472497302E-2</v>
      </c>
      <c r="I113" s="198">
        <v>0.48899999999999999</v>
      </c>
      <c r="J113" s="94">
        <v>0.10367218491579502</v>
      </c>
      <c r="K113" s="198">
        <v>1.4E-2</v>
      </c>
      <c r="L113" s="94">
        <v>3.8063326201146143E-2</v>
      </c>
    </row>
    <row r="114" spans="1:45">
      <c r="A114" s="49" t="s">
        <v>454</v>
      </c>
      <c r="B114" s="201">
        <v>257</v>
      </c>
      <c r="C114" s="180">
        <v>4.24</v>
      </c>
      <c r="D114" s="132">
        <v>0.1764</v>
      </c>
      <c r="E114" s="199">
        <v>0.28999999999999998</v>
      </c>
      <c r="F114" s="97">
        <v>5.6357012788111699E-2</v>
      </c>
      <c r="G114" s="199">
        <v>0.28799999999999998</v>
      </c>
      <c r="H114" s="97">
        <v>5.6245635007461804E-2</v>
      </c>
      <c r="I114" s="199">
        <v>0.41599999999999998</v>
      </c>
      <c r="J114" s="97">
        <v>6.1045629385416307E-2</v>
      </c>
      <c r="K114" s="199">
        <v>6.0000000000000001E-3</v>
      </c>
      <c r="L114" s="97">
        <v>1.4323419404245464E-2</v>
      </c>
    </row>
    <row r="115" spans="1:45" ht="25.5">
      <c r="A115" s="57" t="s">
        <v>445</v>
      </c>
      <c r="B115" s="200">
        <v>111</v>
      </c>
      <c r="C115" s="84">
        <v>4.55</v>
      </c>
      <c r="D115" s="85">
        <v>0.25480000000000003</v>
      </c>
      <c r="E115" s="198">
        <v>0.218</v>
      </c>
      <c r="F115" s="94">
        <v>7.8221957072540732E-2</v>
      </c>
      <c r="G115" s="198">
        <v>0.26800000000000002</v>
      </c>
      <c r="H115" s="94">
        <v>8.3375559004046751E-2</v>
      </c>
      <c r="I115" s="198">
        <v>0.499</v>
      </c>
      <c r="J115" s="94">
        <v>9.3250307071253369E-2</v>
      </c>
      <c r="K115" s="198">
        <v>1.4999999999999999E-2</v>
      </c>
      <c r="L115" s="94">
        <v>3.275941074495043E-2</v>
      </c>
    </row>
    <row r="116" spans="1:45">
      <c r="A116" s="49" t="s">
        <v>471</v>
      </c>
      <c r="B116" s="201">
        <v>90</v>
      </c>
      <c r="C116" s="180">
        <v>4.3899999999999997</v>
      </c>
      <c r="D116" s="132">
        <v>0.27440000000000003</v>
      </c>
      <c r="E116" s="199">
        <v>0.24299999999999999</v>
      </c>
      <c r="F116" s="97">
        <v>8.9787596089371091E-2</v>
      </c>
      <c r="G116" s="199">
        <v>0.32200000000000001</v>
      </c>
      <c r="H116" s="97">
        <v>9.6965696516427821E-2</v>
      </c>
      <c r="I116" s="199">
        <v>0.435</v>
      </c>
      <c r="J116" s="97">
        <v>0.102340051423795</v>
      </c>
      <c r="K116" s="199">
        <v>1E-3</v>
      </c>
      <c r="L116" s="97">
        <v>3.0415344605051169E-2</v>
      </c>
    </row>
    <row r="117" spans="1:45" ht="25.5">
      <c r="A117" s="57" t="s">
        <v>442</v>
      </c>
      <c r="B117" s="200">
        <v>112</v>
      </c>
      <c r="C117" s="84">
        <v>3.63</v>
      </c>
      <c r="D117" s="85">
        <v>0.27440000000000003</v>
      </c>
      <c r="E117" s="198">
        <v>0.42399999999999999</v>
      </c>
      <c r="F117" s="94">
        <v>9.1842345581101825E-2</v>
      </c>
      <c r="G117" s="198">
        <v>0.26500000000000001</v>
      </c>
      <c r="H117" s="94">
        <v>8.2737214829740349E-2</v>
      </c>
      <c r="I117" s="198">
        <v>0.311</v>
      </c>
      <c r="J117" s="94">
        <v>8.6443133152256393E-2</v>
      </c>
      <c r="K117" s="198">
        <v>0</v>
      </c>
      <c r="L117" s="94">
        <v>2.4171880321350918E-2</v>
      </c>
    </row>
    <row r="118" spans="1:45">
      <c r="P118" s="266"/>
      <c r="Q118" s="266"/>
      <c r="R118" s="266"/>
      <c r="S118" s="266"/>
      <c r="T118" s="266"/>
      <c r="U118" s="266"/>
      <c r="V118" s="266"/>
      <c r="W118" s="266"/>
      <c r="X118" s="266"/>
      <c r="Y118" s="266"/>
      <c r="Z118" s="266"/>
      <c r="AA118" s="266"/>
      <c r="AB118" s="266"/>
      <c r="AC118" s="266"/>
      <c r="AD118" s="266"/>
      <c r="AE118" s="266"/>
      <c r="AF118" s="266"/>
      <c r="AG118" s="266"/>
      <c r="AH118" s="266"/>
      <c r="AI118" s="266"/>
      <c r="AJ118" s="266"/>
      <c r="AK118" s="266"/>
      <c r="AL118" s="266"/>
      <c r="AM118" s="266"/>
      <c r="AN118" s="266"/>
      <c r="AO118" s="266"/>
      <c r="AP118" s="266"/>
      <c r="AQ118" s="266"/>
      <c r="AR118" s="266"/>
      <c r="AS118" s="266"/>
    </row>
    <row r="119" spans="1:45" ht="18.75">
      <c r="A119" s="428" t="s">
        <v>448</v>
      </c>
      <c r="B119" s="428"/>
      <c r="C119" s="428"/>
      <c r="D119" s="428"/>
    </row>
    <row r="120" spans="1:45" ht="85.5" customHeight="1">
      <c r="A120" s="427" t="s">
        <v>503</v>
      </c>
      <c r="B120" s="427"/>
      <c r="C120" s="427"/>
      <c r="D120" s="427"/>
    </row>
    <row r="121" spans="1:45" ht="36" customHeight="1">
      <c r="A121" s="409" t="s">
        <v>280</v>
      </c>
      <c r="B121" s="409"/>
      <c r="C121" s="409"/>
      <c r="D121" s="409"/>
    </row>
    <row r="122" spans="1:45" ht="40.5" customHeight="1">
      <c r="A122" s="37" t="s">
        <v>85</v>
      </c>
      <c r="B122" s="38" t="s">
        <v>86</v>
      </c>
      <c r="C122" s="39" t="s">
        <v>87</v>
      </c>
      <c r="D122" s="40" t="s">
        <v>88</v>
      </c>
    </row>
    <row r="123" spans="1:45" ht="72">
      <c r="A123" s="41"/>
      <c r="B123" s="42" t="s">
        <v>89</v>
      </c>
      <c r="C123" s="128" t="s">
        <v>281</v>
      </c>
      <c r="D123" s="44" t="s">
        <v>91</v>
      </c>
    </row>
    <row r="124" spans="1:45">
      <c r="A124" s="45" t="s">
        <v>430</v>
      </c>
      <c r="B124" s="206">
        <v>10969</v>
      </c>
      <c r="C124" s="207">
        <v>4.75</v>
      </c>
      <c r="D124" s="208">
        <v>3.9199999999999999E-2</v>
      </c>
    </row>
    <row r="125" spans="1:45">
      <c r="A125" s="49" t="s">
        <v>431</v>
      </c>
      <c r="B125" s="49">
        <v>8844</v>
      </c>
      <c r="C125" s="210">
        <v>4.47</v>
      </c>
      <c r="D125" s="211">
        <v>3.9199999999999999E-2</v>
      </c>
    </row>
    <row r="126" spans="1:45">
      <c r="A126" s="45" t="s">
        <v>432</v>
      </c>
      <c r="B126" s="53">
        <v>1961</v>
      </c>
      <c r="C126" s="207">
        <v>5.23</v>
      </c>
      <c r="D126" s="208">
        <v>5.8799999999999998E-2</v>
      </c>
    </row>
    <row r="127" spans="1:45">
      <c r="A127" s="49" t="s">
        <v>433</v>
      </c>
      <c r="B127" s="49">
        <v>132</v>
      </c>
      <c r="C127" s="210">
        <v>5.39</v>
      </c>
      <c r="D127" s="211">
        <v>0.21559999999999999</v>
      </c>
    </row>
    <row r="128" spans="1:45">
      <c r="A128" s="45" t="s">
        <v>434</v>
      </c>
      <c r="B128" s="53">
        <v>3063</v>
      </c>
      <c r="C128" s="207">
        <v>4.72</v>
      </c>
      <c r="D128" s="208">
        <v>5.8799999999999998E-2</v>
      </c>
    </row>
    <row r="129" spans="1:4">
      <c r="A129" s="49" t="s">
        <v>435</v>
      </c>
      <c r="B129" s="49">
        <v>2478</v>
      </c>
      <c r="C129" s="210">
        <v>4.42</v>
      </c>
      <c r="D129" s="211">
        <v>7.8399999999999997E-2</v>
      </c>
    </row>
    <row r="130" spans="1:4">
      <c r="A130" s="45" t="s">
        <v>452</v>
      </c>
      <c r="B130" s="53">
        <v>92</v>
      </c>
      <c r="C130" s="207">
        <v>5.18</v>
      </c>
      <c r="D130" s="208">
        <v>0.29399999999999998</v>
      </c>
    </row>
    <row r="131" spans="1:4">
      <c r="A131" s="49" t="s">
        <v>172</v>
      </c>
      <c r="B131" s="49">
        <v>246</v>
      </c>
      <c r="C131" s="210">
        <v>4.62</v>
      </c>
      <c r="D131" s="211">
        <v>0.23519999999999999</v>
      </c>
    </row>
    <row r="132" spans="1:4" ht="25.5">
      <c r="A132" s="45" t="s">
        <v>436</v>
      </c>
      <c r="B132" s="53">
        <v>97</v>
      </c>
      <c r="C132" s="207">
        <v>4.1399999999999997</v>
      </c>
      <c r="D132" s="208">
        <v>0.37240000000000001</v>
      </c>
    </row>
    <row r="133" spans="1:4" ht="25.5">
      <c r="A133" s="49" t="s">
        <v>437</v>
      </c>
      <c r="B133" s="49">
        <v>116</v>
      </c>
      <c r="C133" s="210">
        <v>4.6100000000000003</v>
      </c>
      <c r="D133" s="211">
        <v>0.3332</v>
      </c>
    </row>
    <row r="134" spans="1:4">
      <c r="A134" s="45" t="s">
        <v>453</v>
      </c>
      <c r="B134" s="206">
        <v>543</v>
      </c>
      <c r="C134" s="207">
        <v>4.68</v>
      </c>
      <c r="D134" s="208">
        <v>0.13720000000000002</v>
      </c>
    </row>
    <row r="135" spans="1:4" ht="25.5">
      <c r="A135" s="49" t="s">
        <v>438</v>
      </c>
      <c r="B135" s="209">
        <v>82</v>
      </c>
      <c r="C135" s="210">
        <v>4.29</v>
      </c>
      <c r="D135" s="211">
        <v>0.3528</v>
      </c>
    </row>
    <row r="136" spans="1:4">
      <c r="A136" s="45" t="s">
        <v>439</v>
      </c>
      <c r="B136" s="83">
        <v>79</v>
      </c>
      <c r="C136" s="207">
        <v>4.63</v>
      </c>
      <c r="D136" s="208">
        <v>0.41159999999999997</v>
      </c>
    </row>
    <row r="137" spans="1:4">
      <c r="A137" s="49" t="s">
        <v>440</v>
      </c>
      <c r="B137" s="209">
        <v>79</v>
      </c>
      <c r="C137" s="210">
        <v>4.58</v>
      </c>
      <c r="D137" s="211">
        <v>0.31359999999999999</v>
      </c>
    </row>
    <row r="138" spans="1:4">
      <c r="A138" s="57" t="s">
        <v>441</v>
      </c>
      <c r="B138" s="206">
        <v>74</v>
      </c>
      <c r="C138" s="207">
        <v>4.83</v>
      </c>
      <c r="D138" s="208">
        <v>0.3528</v>
      </c>
    </row>
    <row r="139" spans="1:4" ht="25.5">
      <c r="A139" s="49" t="s">
        <v>442</v>
      </c>
      <c r="B139" s="209">
        <v>113</v>
      </c>
      <c r="C139" s="210">
        <v>4.24</v>
      </c>
      <c r="D139" s="211">
        <v>0.31359999999999999</v>
      </c>
    </row>
    <row r="140" spans="1:4">
      <c r="A140" s="57" t="s">
        <v>443</v>
      </c>
      <c r="B140" s="206">
        <v>171</v>
      </c>
      <c r="C140" s="207">
        <v>4.8</v>
      </c>
      <c r="D140" s="208">
        <v>0.21559999999999999</v>
      </c>
    </row>
    <row r="141" spans="1:4">
      <c r="A141" s="49" t="s">
        <v>455</v>
      </c>
      <c r="B141" s="209">
        <v>150</v>
      </c>
      <c r="C141" s="210">
        <v>4.0199999999999996</v>
      </c>
      <c r="D141" s="211">
        <v>0.27440000000000003</v>
      </c>
    </row>
    <row r="142" spans="1:4">
      <c r="A142" s="57" t="s">
        <v>444</v>
      </c>
      <c r="B142" s="206">
        <v>89</v>
      </c>
      <c r="C142" s="207">
        <v>3.91</v>
      </c>
      <c r="D142" s="208">
        <v>0.3332</v>
      </c>
    </row>
    <row r="143" spans="1:4">
      <c r="A143" s="49" t="s">
        <v>454</v>
      </c>
      <c r="B143" s="209">
        <v>256</v>
      </c>
      <c r="C143" s="210">
        <v>4.09</v>
      </c>
      <c r="D143" s="211">
        <v>0.21559999999999999</v>
      </c>
    </row>
    <row r="144" spans="1:4" ht="25.5">
      <c r="A144" s="57" t="s">
        <v>445</v>
      </c>
      <c r="B144" s="206">
        <v>111</v>
      </c>
      <c r="C144" s="207">
        <v>4.5199999999999996</v>
      </c>
      <c r="D144" s="208">
        <v>0.3332</v>
      </c>
    </row>
    <row r="145" spans="1:49">
      <c r="A145" s="49" t="s">
        <v>471</v>
      </c>
      <c r="B145" s="209">
        <v>90</v>
      </c>
      <c r="C145" s="210">
        <v>3.86</v>
      </c>
      <c r="D145" s="211">
        <v>0.3528</v>
      </c>
    </row>
    <row r="146" spans="1:49" ht="25.5">
      <c r="A146" s="57" t="s">
        <v>442</v>
      </c>
      <c r="B146" s="206">
        <v>113</v>
      </c>
      <c r="C146" s="207">
        <v>4.24</v>
      </c>
      <c r="D146" s="208">
        <v>0.31359999999999999</v>
      </c>
    </row>
    <row r="147" spans="1:49" s="258" customFormat="1">
      <c r="A147" s="251"/>
      <c r="B147" s="270"/>
      <c r="C147" s="271"/>
      <c r="D147" s="272"/>
    </row>
    <row r="148" spans="1:49" ht="18.75">
      <c r="A148" s="368" t="s">
        <v>15</v>
      </c>
      <c r="B148" s="368"/>
      <c r="C148" s="368"/>
      <c r="D148" s="368"/>
      <c r="E148" s="368"/>
      <c r="F148" s="368"/>
      <c r="G148" s="368"/>
      <c r="H148" s="368"/>
      <c r="I148" s="368"/>
      <c r="J148" s="368"/>
      <c r="K148" s="368"/>
      <c r="L148" s="368"/>
      <c r="M148" s="368"/>
      <c r="N148" s="368"/>
      <c r="O148" s="368"/>
      <c r="P148" s="368"/>
      <c r="Q148" s="368"/>
      <c r="R148" s="368"/>
      <c r="S148" s="368"/>
      <c r="T148" s="236"/>
      <c r="U148" s="236"/>
      <c r="V148" s="236"/>
      <c r="W148" s="236"/>
      <c r="X148" s="236"/>
      <c r="Y148" s="236"/>
      <c r="Z148" s="236"/>
      <c r="AA148" s="236"/>
      <c r="AB148" s="236"/>
      <c r="AC148" s="236"/>
      <c r="AD148" s="236"/>
      <c r="AE148" s="236"/>
      <c r="AF148" s="236"/>
      <c r="AG148" s="236"/>
      <c r="AH148" s="236"/>
      <c r="AI148" s="236"/>
      <c r="AJ148" s="236"/>
      <c r="AK148" s="266"/>
      <c r="AL148" s="266"/>
      <c r="AM148" s="266"/>
      <c r="AN148" s="266"/>
      <c r="AO148" s="266"/>
      <c r="AP148" s="266"/>
      <c r="AQ148" s="266"/>
      <c r="AR148" s="266"/>
      <c r="AS148" s="266"/>
    </row>
    <row r="149" spans="1:49" ht="67.5" customHeight="1">
      <c r="A149" s="429" t="s">
        <v>504</v>
      </c>
      <c r="B149" s="429"/>
      <c r="C149" s="429"/>
      <c r="D149" s="429"/>
      <c r="E149" s="429"/>
      <c r="F149" s="429"/>
      <c r="G149" s="429"/>
      <c r="H149" s="429"/>
      <c r="I149" s="429"/>
      <c r="J149" s="429"/>
      <c r="K149" s="429"/>
      <c r="L149" s="429"/>
      <c r="M149" s="429"/>
      <c r="N149" s="429"/>
      <c r="O149" s="429"/>
      <c r="P149" s="429"/>
      <c r="Q149" s="429"/>
      <c r="R149" s="429"/>
      <c r="S149" s="429"/>
      <c r="T149" s="267"/>
      <c r="U149" s="267"/>
      <c r="V149" s="267"/>
      <c r="W149" s="267"/>
      <c r="X149" s="267"/>
      <c r="Y149" s="267"/>
      <c r="Z149" s="267"/>
      <c r="AA149" s="267"/>
      <c r="AB149" s="267"/>
      <c r="AC149" s="267"/>
      <c r="AD149" s="267"/>
      <c r="AE149" s="267"/>
      <c r="AF149" s="267"/>
      <c r="AG149" s="267"/>
      <c r="AH149" s="267"/>
      <c r="AI149" s="267"/>
      <c r="AJ149" s="267"/>
      <c r="AK149" s="266"/>
      <c r="AL149" s="266"/>
      <c r="AM149" s="266"/>
      <c r="AN149" s="266"/>
      <c r="AO149" s="266"/>
      <c r="AP149" s="266"/>
      <c r="AQ149" s="266"/>
      <c r="AR149" s="266"/>
      <c r="AS149" s="266"/>
    </row>
    <row r="150" spans="1:49" ht="33" customHeight="1">
      <c r="A150" s="64"/>
      <c r="B150" s="402" t="s">
        <v>278</v>
      </c>
      <c r="C150" s="403"/>
      <c r="D150" s="403"/>
      <c r="E150" s="403"/>
      <c r="F150" s="403"/>
      <c r="G150" s="403"/>
      <c r="H150" s="403"/>
      <c r="I150" s="403"/>
      <c r="J150" s="404"/>
      <c r="K150" s="402" t="s">
        <v>279</v>
      </c>
      <c r="L150" s="403"/>
      <c r="M150" s="403"/>
      <c r="N150" s="403"/>
      <c r="O150" s="403"/>
      <c r="P150" s="403"/>
      <c r="Q150" s="403"/>
      <c r="R150" s="403"/>
      <c r="S150" s="404"/>
      <c r="T150" s="266"/>
      <c r="U150" s="266"/>
      <c r="V150" s="266"/>
      <c r="W150" s="266"/>
      <c r="X150" s="266"/>
      <c r="Y150" s="266"/>
      <c r="Z150" s="266"/>
      <c r="AA150" s="266"/>
      <c r="AB150" s="266"/>
      <c r="AC150" s="266"/>
      <c r="AD150" s="266"/>
      <c r="AE150" s="266"/>
      <c r="AF150" s="266"/>
      <c r="AG150" s="266"/>
      <c r="AH150" s="266"/>
      <c r="AI150" s="266"/>
      <c r="AJ150" s="266"/>
      <c r="AK150" s="266"/>
      <c r="AL150" s="266"/>
      <c r="AM150" s="266"/>
      <c r="AN150" s="266"/>
      <c r="AO150" s="266"/>
      <c r="AP150" s="266"/>
      <c r="AQ150" s="266"/>
      <c r="AR150" s="266"/>
      <c r="AS150" s="266"/>
      <c r="AT150" s="266"/>
      <c r="AU150" s="266"/>
      <c r="AV150" s="266"/>
      <c r="AW150" s="266"/>
    </row>
    <row r="151" spans="1:49" ht="41.25" customHeight="1">
      <c r="A151" s="37" t="s">
        <v>85</v>
      </c>
      <c r="B151" s="38" t="s">
        <v>86</v>
      </c>
      <c r="C151" s="38" t="s">
        <v>367</v>
      </c>
      <c r="D151" s="89" t="s">
        <v>162</v>
      </c>
      <c r="E151" s="38" t="s">
        <v>368</v>
      </c>
      <c r="F151" s="89" t="s">
        <v>163</v>
      </c>
      <c r="G151" s="38" t="s">
        <v>369</v>
      </c>
      <c r="H151" s="89" t="s">
        <v>136</v>
      </c>
      <c r="I151" s="38" t="s">
        <v>356</v>
      </c>
      <c r="J151" s="89" t="s">
        <v>370</v>
      </c>
      <c r="K151" s="65" t="s">
        <v>86</v>
      </c>
      <c r="L151" s="65" t="s">
        <v>367</v>
      </c>
      <c r="M151" s="88" t="s">
        <v>162</v>
      </c>
      <c r="N151" s="65" t="s">
        <v>368</v>
      </c>
      <c r="O151" s="88" t="s">
        <v>163</v>
      </c>
      <c r="P151" s="65" t="s">
        <v>369</v>
      </c>
      <c r="Q151" s="269" t="s">
        <v>136</v>
      </c>
      <c r="R151" s="286" t="s">
        <v>356</v>
      </c>
      <c r="S151" s="88" t="s">
        <v>370</v>
      </c>
      <c r="T151" s="266"/>
      <c r="U151" s="266"/>
      <c r="V151" s="266"/>
      <c r="W151" s="266"/>
      <c r="X151" s="266"/>
      <c r="Y151" s="266"/>
      <c r="Z151" s="266"/>
      <c r="AA151" s="266"/>
      <c r="AB151" s="266"/>
      <c r="AC151" s="266"/>
      <c r="AD151" s="266"/>
      <c r="AE151" s="266"/>
      <c r="AF151" s="266"/>
      <c r="AG151" s="266"/>
      <c r="AH151" s="266"/>
      <c r="AI151" s="266"/>
      <c r="AJ151" s="266"/>
      <c r="AK151" s="266"/>
      <c r="AL151" s="266"/>
      <c r="AM151" s="266"/>
      <c r="AN151" s="266"/>
      <c r="AO151" s="266"/>
      <c r="AP151" s="266"/>
      <c r="AQ151" s="266"/>
      <c r="AR151" s="266"/>
      <c r="AS151" s="266"/>
      <c r="AT151" s="266"/>
      <c r="AU151" s="266"/>
      <c r="AV151" s="266"/>
      <c r="AW151" s="266"/>
    </row>
    <row r="152" spans="1:49" ht="72">
      <c r="A152" s="41"/>
      <c r="B152" s="42" t="s">
        <v>89</v>
      </c>
      <c r="C152" s="42" t="s">
        <v>182</v>
      </c>
      <c r="D152" s="91" t="s">
        <v>104</v>
      </c>
      <c r="E152" s="42" t="s">
        <v>183</v>
      </c>
      <c r="F152" s="91" t="s">
        <v>104</v>
      </c>
      <c r="G152" s="42" t="s">
        <v>184</v>
      </c>
      <c r="H152" s="91" t="s">
        <v>104</v>
      </c>
      <c r="I152" s="42" t="s">
        <v>356</v>
      </c>
      <c r="J152" s="91" t="s">
        <v>104</v>
      </c>
      <c r="K152" s="68" t="s">
        <v>89</v>
      </c>
      <c r="L152" s="68" t="s">
        <v>182</v>
      </c>
      <c r="M152" s="90" t="s">
        <v>104</v>
      </c>
      <c r="N152" s="68" t="s">
        <v>183</v>
      </c>
      <c r="O152" s="90" t="s">
        <v>104</v>
      </c>
      <c r="P152" s="68" t="s">
        <v>184</v>
      </c>
      <c r="Q152" s="283" t="s">
        <v>104</v>
      </c>
      <c r="R152" s="287" t="s">
        <v>356</v>
      </c>
      <c r="S152" s="90" t="s">
        <v>104</v>
      </c>
    </row>
    <row r="153" spans="1:49">
      <c r="A153" s="45" t="s">
        <v>430</v>
      </c>
      <c r="B153" s="202">
        <v>10994</v>
      </c>
      <c r="C153" s="204">
        <v>0.217</v>
      </c>
      <c r="D153" s="94">
        <v>7.8624575307479055E-3</v>
      </c>
      <c r="E153" s="204">
        <v>0.157</v>
      </c>
      <c r="F153" s="94">
        <v>6.9402815415828926E-3</v>
      </c>
      <c r="G153" s="204">
        <v>0.61599999999999999</v>
      </c>
      <c r="H153" s="94">
        <v>9.2755162322826542E-3</v>
      </c>
      <c r="I153" s="204">
        <v>0.01</v>
      </c>
      <c r="J153" s="94">
        <v>1.9142005459587045E-3</v>
      </c>
      <c r="K153" s="202">
        <v>10936</v>
      </c>
      <c r="L153" s="204">
        <v>0.23499999999999999</v>
      </c>
      <c r="M153" s="94">
        <v>8.1086394769137194E-3</v>
      </c>
      <c r="N153" s="204">
        <v>0.16400000000000001</v>
      </c>
      <c r="O153" s="94">
        <v>7.0823451583750634E-3</v>
      </c>
      <c r="P153" s="204">
        <v>0.58499999999999996</v>
      </c>
      <c r="Q153" s="284">
        <v>9.4216732988684944E-3</v>
      </c>
      <c r="R153" s="204">
        <v>1.6E-2</v>
      </c>
      <c r="S153" s="94">
        <v>2.4122835457088109E-3</v>
      </c>
    </row>
    <row r="154" spans="1:49">
      <c r="A154" s="49" t="s">
        <v>431</v>
      </c>
      <c r="B154" s="203">
        <v>8846</v>
      </c>
      <c r="C154" s="205">
        <v>0.27100000000000002</v>
      </c>
      <c r="D154" s="97">
        <v>9.4505885646016148E-3</v>
      </c>
      <c r="E154" s="205">
        <v>0.17199999999999999</v>
      </c>
      <c r="F154" s="97">
        <v>8.0257559714557187E-3</v>
      </c>
      <c r="G154" s="205">
        <v>0.55200000000000005</v>
      </c>
      <c r="H154" s="97">
        <v>1.0572289624566604E-2</v>
      </c>
      <c r="I154" s="205">
        <v>5.0000000000000001E-3</v>
      </c>
      <c r="J154" s="97">
        <v>1.5325384533886575E-3</v>
      </c>
      <c r="K154" s="203">
        <v>8788</v>
      </c>
      <c r="L154" s="205">
        <v>0.30599999999999999</v>
      </c>
      <c r="M154" s="97">
        <v>9.8301831780381651E-3</v>
      </c>
      <c r="N154" s="205">
        <v>0.16300000000000001</v>
      </c>
      <c r="O154" s="97">
        <v>7.8814670423614352E-3</v>
      </c>
      <c r="P154" s="205">
        <v>0.51700000000000002</v>
      </c>
      <c r="Q154" s="285">
        <v>1.065872412000966E-2</v>
      </c>
      <c r="R154" s="205">
        <v>1.4999999999999999E-2</v>
      </c>
      <c r="S154" s="97">
        <v>2.6113933540104304E-3</v>
      </c>
    </row>
    <row r="155" spans="1:49">
      <c r="A155" s="45" t="s">
        <v>432</v>
      </c>
      <c r="B155" s="202">
        <v>1981</v>
      </c>
      <c r="C155" s="204">
        <v>0.11840000000000001</v>
      </c>
      <c r="D155" s="94">
        <v>1.454379121715217E-2</v>
      </c>
      <c r="E155" s="204">
        <v>0.1258</v>
      </c>
      <c r="F155" s="94">
        <v>1.4924706173141757E-2</v>
      </c>
      <c r="G155" s="204">
        <v>0.74</v>
      </c>
      <c r="H155" s="94">
        <v>1.9702160485177807E-2</v>
      </c>
      <c r="I155" s="204">
        <v>1.5800000000000002E-2</v>
      </c>
      <c r="J155" s="94">
        <v>5.7652294295213189E-3</v>
      </c>
      <c r="K155" s="202">
        <v>1977</v>
      </c>
      <c r="L155" s="204">
        <v>0.13400000000000001</v>
      </c>
      <c r="M155" s="94">
        <v>1.5342919645146553E-2</v>
      </c>
      <c r="N155" s="204">
        <v>0.14299999999999999</v>
      </c>
      <c r="O155" s="94">
        <v>1.5763597186087424E-2</v>
      </c>
      <c r="P155" s="204">
        <v>0.70889999999999997</v>
      </c>
      <c r="Q155" s="284">
        <v>2.0421447639730615E-2</v>
      </c>
      <c r="R155" s="204">
        <v>1.41E-2</v>
      </c>
      <c r="S155" s="94">
        <v>5.4765214894881694E-3</v>
      </c>
    </row>
    <row r="156" spans="1:49">
      <c r="A156" s="49" t="s">
        <v>433</v>
      </c>
      <c r="B156" s="203">
        <v>133</v>
      </c>
      <c r="C156" s="205">
        <v>0.10299999999999999</v>
      </c>
      <c r="D156" s="97">
        <v>5.4427367630318753E-2</v>
      </c>
      <c r="E156" s="205">
        <v>0.11700000000000001</v>
      </c>
      <c r="F156" s="97">
        <v>5.7121137285435282E-2</v>
      </c>
      <c r="G156" s="205">
        <v>0.76800000000000002</v>
      </c>
      <c r="H156" s="97">
        <v>7.2958117056272115E-2</v>
      </c>
      <c r="I156" s="205">
        <v>1.2999999999999999E-2</v>
      </c>
      <c r="J156" s="97">
        <v>2.7804376766878261E-2</v>
      </c>
      <c r="K156" s="203">
        <v>133</v>
      </c>
      <c r="L156" s="205">
        <v>0.107</v>
      </c>
      <c r="M156" s="97">
        <v>5.5220396275870554E-2</v>
      </c>
      <c r="N156" s="205">
        <v>0.183</v>
      </c>
      <c r="O156" s="97">
        <v>6.73358088475631E-2</v>
      </c>
      <c r="P156" s="205">
        <v>0.70299999999999996</v>
      </c>
      <c r="Q156" s="285">
        <v>7.8519556455232009E-2</v>
      </c>
      <c r="R156" s="205">
        <v>7.0000000000000001E-3</v>
      </c>
      <c r="S156" s="97">
        <v>2.4724142565546402E-2</v>
      </c>
    </row>
    <row r="157" spans="1:49">
      <c r="A157" s="45" t="s">
        <v>434</v>
      </c>
      <c r="B157" s="202">
        <v>3070</v>
      </c>
      <c r="C157" s="204">
        <v>0.23</v>
      </c>
      <c r="D157" s="94">
        <v>1.5188668035522643E-2</v>
      </c>
      <c r="E157" s="204">
        <v>0.152</v>
      </c>
      <c r="F157" s="94">
        <v>1.2966648813991044E-2</v>
      </c>
      <c r="G157" s="204">
        <v>0.61</v>
      </c>
      <c r="H157" s="94">
        <v>1.759559703559534E-2</v>
      </c>
      <c r="I157" s="204">
        <v>8.9999999999999993E-3</v>
      </c>
      <c r="J157" s="94">
        <v>3.5244288165626816E-3</v>
      </c>
      <c r="K157" s="202">
        <v>3056</v>
      </c>
      <c r="L157" s="204">
        <v>0.24399999999999999</v>
      </c>
      <c r="M157" s="94">
        <v>1.5535547429657185E-2</v>
      </c>
      <c r="N157" s="204">
        <v>0.161</v>
      </c>
      <c r="O157" s="94">
        <v>1.3302869644136364E-2</v>
      </c>
      <c r="P157" s="204">
        <v>0.57699999999999996</v>
      </c>
      <c r="Q157" s="284">
        <v>1.7862455258795804E-2</v>
      </c>
      <c r="R157" s="204">
        <v>1.9E-2</v>
      </c>
      <c r="S157" s="94">
        <v>5.0154623689839346E-3</v>
      </c>
    </row>
    <row r="158" spans="1:49">
      <c r="A158" s="49" t="s">
        <v>435</v>
      </c>
      <c r="B158" s="203">
        <v>2479</v>
      </c>
      <c r="C158" s="205">
        <v>0.27600000000000002</v>
      </c>
      <c r="D158" s="97">
        <v>1.7949027586029152E-2</v>
      </c>
      <c r="E158" s="205">
        <v>0.16600000000000001</v>
      </c>
      <c r="F158" s="97">
        <v>1.4953445477509344E-2</v>
      </c>
      <c r="G158" s="205">
        <v>0.55500000000000005</v>
      </c>
      <c r="H158" s="97">
        <v>1.9946959002773861E-2</v>
      </c>
      <c r="I158" s="205">
        <v>3.0000000000000001E-3</v>
      </c>
      <c r="J158" s="97">
        <v>2.4696953376765599E-3</v>
      </c>
      <c r="K158" s="203">
        <v>2465</v>
      </c>
      <c r="L158" s="205">
        <v>0.314</v>
      </c>
      <c r="M158" s="97">
        <v>1.8685693294683559E-2</v>
      </c>
      <c r="N158" s="205">
        <v>0.17399999999999999</v>
      </c>
      <c r="O158" s="97">
        <v>1.5277536366738963E-2</v>
      </c>
      <c r="P158" s="205">
        <v>0.49299999999999999</v>
      </c>
      <c r="Q158" s="285">
        <v>2.0123199270249907E-2</v>
      </c>
      <c r="R158" s="205">
        <v>1.9E-2</v>
      </c>
      <c r="S158" s="97">
        <v>5.6044944673375131E-3</v>
      </c>
    </row>
    <row r="159" spans="1:49">
      <c r="A159" s="45" t="s">
        <v>452</v>
      </c>
      <c r="B159" s="202">
        <v>93</v>
      </c>
      <c r="C159" s="204">
        <v>0.159</v>
      </c>
      <c r="D159" s="94">
        <v>7.6821241097751777E-2</v>
      </c>
      <c r="E159" s="204">
        <v>0.16</v>
      </c>
      <c r="F159" s="94">
        <v>7.6989072159048016E-2</v>
      </c>
      <c r="G159" s="204">
        <v>0.67200000000000004</v>
      </c>
      <c r="H159" s="94">
        <v>9.5853326515244267E-2</v>
      </c>
      <c r="I159" s="204">
        <v>0.01</v>
      </c>
      <c r="J159" s="94">
        <v>3.4756159089575217E-2</v>
      </c>
      <c r="K159" s="202">
        <v>92</v>
      </c>
      <c r="L159" s="204">
        <v>0.16</v>
      </c>
      <c r="M159" s="94">
        <v>7.7414640865732701E-2</v>
      </c>
      <c r="N159" s="204">
        <v>0.13300000000000001</v>
      </c>
      <c r="O159" s="94">
        <v>7.2543449125302625E-2</v>
      </c>
      <c r="P159" s="204">
        <v>0.69699999999999995</v>
      </c>
      <c r="Q159" s="284">
        <v>9.4506989732070057E-2</v>
      </c>
      <c r="R159" s="204">
        <v>0.01</v>
      </c>
      <c r="S159" s="94">
        <v>3.5054417847799842E-2</v>
      </c>
    </row>
    <row r="160" spans="1:49">
      <c r="A160" s="49" t="s">
        <v>172</v>
      </c>
      <c r="B160" s="203">
        <v>246</v>
      </c>
      <c r="C160" s="205">
        <v>0.21</v>
      </c>
      <c r="D160" s="97">
        <v>5.1933753247767486E-2</v>
      </c>
      <c r="E160" s="205">
        <v>0.14499999999999999</v>
      </c>
      <c r="F160" s="97">
        <v>4.5250509407077401E-2</v>
      </c>
      <c r="G160" s="205">
        <v>0.64500000000000002</v>
      </c>
      <c r="H160" s="97">
        <v>6.0615828639060933E-2</v>
      </c>
      <c r="I160" s="205">
        <v>0</v>
      </c>
      <c r="J160" s="97">
        <v>1.1268362791461766E-2</v>
      </c>
      <c r="K160" s="203">
        <v>245</v>
      </c>
      <c r="L160" s="205">
        <v>0.27500000000000002</v>
      </c>
      <c r="M160" s="97">
        <v>5.6821914676018319E-2</v>
      </c>
      <c r="N160" s="205">
        <v>0.19500000000000001</v>
      </c>
      <c r="O160" s="97">
        <v>5.0688393506162083E-2</v>
      </c>
      <c r="P160" s="205">
        <v>0.503</v>
      </c>
      <c r="Q160" s="285">
        <v>6.3371320693917196E-2</v>
      </c>
      <c r="R160" s="205">
        <v>2.7E-2</v>
      </c>
      <c r="S160" s="97">
        <v>2.3163932889941691E-2</v>
      </c>
    </row>
    <row r="161" spans="1:19" ht="25.5">
      <c r="A161" s="45" t="s">
        <v>436</v>
      </c>
      <c r="B161" s="202">
        <v>97</v>
      </c>
      <c r="C161" s="204">
        <v>0.32200000000000001</v>
      </c>
      <c r="D161" s="94">
        <v>9.3507224953519416E-2</v>
      </c>
      <c r="E161" s="204">
        <v>0.17399999999999999</v>
      </c>
      <c r="F161" s="94">
        <v>7.7581055634234231E-2</v>
      </c>
      <c r="G161" s="204">
        <v>0.504</v>
      </c>
      <c r="H161" s="94">
        <v>9.950078207188616E-2</v>
      </c>
      <c r="I161" s="204">
        <v>0</v>
      </c>
      <c r="J161" s="94">
        <v>2.7725572981612018E-2</v>
      </c>
      <c r="K161" s="202">
        <v>97</v>
      </c>
      <c r="L161" s="204">
        <v>0.373</v>
      </c>
      <c r="M161" s="94">
        <v>9.649772923865757E-2</v>
      </c>
      <c r="N161" s="204">
        <v>0.19800000000000001</v>
      </c>
      <c r="O161" s="94">
        <v>8.1051756630262803E-2</v>
      </c>
      <c r="P161" s="204">
        <v>0.42899999999999999</v>
      </c>
      <c r="Q161" s="284">
        <v>9.8574067333197582E-2</v>
      </c>
      <c r="R161" s="204">
        <v>0</v>
      </c>
      <c r="S161" s="94">
        <v>2.7725572981612018E-2</v>
      </c>
    </row>
    <row r="162" spans="1:19" ht="25.5">
      <c r="A162" s="49" t="s">
        <v>437</v>
      </c>
      <c r="B162" s="203">
        <v>116</v>
      </c>
      <c r="C162" s="205">
        <v>0.223</v>
      </c>
      <c r="D162" s="97">
        <v>7.7093236240762877E-2</v>
      </c>
      <c r="E162" s="205">
        <v>0.16</v>
      </c>
      <c r="F162" s="97">
        <v>6.8793948915637976E-2</v>
      </c>
      <c r="G162" s="205">
        <v>0.61699999999999999</v>
      </c>
      <c r="H162" s="97">
        <v>8.8921011765124069E-2</v>
      </c>
      <c r="I162" s="205">
        <v>0</v>
      </c>
      <c r="J162" s="97">
        <v>2.3372982186625143E-2</v>
      </c>
      <c r="K162" s="203">
        <v>115</v>
      </c>
      <c r="L162" s="205">
        <v>0.313</v>
      </c>
      <c r="M162" s="97">
        <v>8.5472949564091516E-2</v>
      </c>
      <c r="N162" s="205">
        <v>0.17499999999999999</v>
      </c>
      <c r="O162" s="97">
        <v>7.1327507977949095E-2</v>
      </c>
      <c r="P162" s="205">
        <v>0.442</v>
      </c>
      <c r="Q162" s="285">
        <v>9.1092039593351645E-2</v>
      </c>
      <c r="R162" s="205">
        <v>7.0000000000000007E-2</v>
      </c>
      <c r="S162" s="97">
        <v>5.098074782471583E-2</v>
      </c>
    </row>
    <row r="163" spans="1:19">
      <c r="A163" s="45" t="s">
        <v>453</v>
      </c>
      <c r="B163" s="202">
        <v>542</v>
      </c>
      <c r="C163" s="204">
        <v>0.2</v>
      </c>
      <c r="D163" s="94">
        <v>3.4377121085055418E-2</v>
      </c>
      <c r="E163" s="204">
        <v>0.20100000000000001</v>
      </c>
      <c r="F163" s="94">
        <v>3.4439957475092521E-2</v>
      </c>
      <c r="G163" s="204">
        <v>0.59899999999999998</v>
      </c>
      <c r="H163" s="94">
        <v>4.1961265792423347E-2</v>
      </c>
      <c r="I163" s="204">
        <v>0</v>
      </c>
      <c r="J163" s="94">
        <v>5.1707730819453472E-3</v>
      </c>
      <c r="K163" s="202">
        <v>538</v>
      </c>
      <c r="L163" s="204">
        <v>0.26400000000000001</v>
      </c>
      <c r="M163" s="94">
        <v>3.7947628279463082E-2</v>
      </c>
      <c r="N163" s="204">
        <v>0.189</v>
      </c>
      <c r="O163" s="94">
        <v>3.378916050121563E-2</v>
      </c>
      <c r="P163" s="204">
        <v>0.53400000000000003</v>
      </c>
      <c r="Q163" s="284">
        <v>4.2855717756410686E-2</v>
      </c>
      <c r="R163" s="204">
        <v>1.2999999999999999E-2</v>
      </c>
      <c r="S163" s="94">
        <v>1.0974217325641864E-2</v>
      </c>
    </row>
    <row r="164" spans="1:19" ht="25.5">
      <c r="A164" s="49" t="s">
        <v>438</v>
      </c>
      <c r="B164" s="203">
        <v>82</v>
      </c>
      <c r="C164" s="205">
        <v>0.28999999999999998</v>
      </c>
      <c r="D164" s="97">
        <v>9.8808464626782971E-2</v>
      </c>
      <c r="E164" s="205">
        <v>0.191</v>
      </c>
      <c r="F164" s="97">
        <v>8.7123114288225528E-2</v>
      </c>
      <c r="G164" s="205">
        <v>0.51800000000000002</v>
      </c>
      <c r="H164" s="97">
        <v>0.10776922773793575</v>
      </c>
      <c r="I164" s="205">
        <v>0</v>
      </c>
      <c r="J164" s="97">
        <v>3.2504011252172456E-2</v>
      </c>
      <c r="K164" s="203">
        <v>81</v>
      </c>
      <c r="L164" s="205">
        <v>0.36899999999999999</v>
      </c>
      <c r="M164" s="97">
        <v>0.1050302251942544</v>
      </c>
      <c r="N164" s="205">
        <v>0.14099999999999999</v>
      </c>
      <c r="O164" s="97">
        <v>7.9101889695436273E-2</v>
      </c>
      <c r="P164" s="205">
        <v>0.49</v>
      </c>
      <c r="Q164" s="285">
        <v>0.10844552773278958</v>
      </c>
      <c r="R164" s="205">
        <v>0</v>
      </c>
      <c r="S164" s="97">
        <v>3.2881805121991139E-2</v>
      </c>
    </row>
    <row r="165" spans="1:19">
      <c r="A165" s="45" t="s">
        <v>439</v>
      </c>
      <c r="B165" s="202">
        <v>79</v>
      </c>
      <c r="C165" s="204">
        <v>0.26100000000000001</v>
      </c>
      <c r="D165" s="94">
        <v>9.774616069616944E-2</v>
      </c>
      <c r="E165" s="204">
        <v>0.152</v>
      </c>
      <c r="F165" s="94">
        <v>8.2224320099668541E-2</v>
      </c>
      <c r="G165" s="204">
        <v>0.58799999999999997</v>
      </c>
      <c r="H165" s="94">
        <v>0.1082131818049154</v>
      </c>
      <c r="I165" s="204">
        <v>0</v>
      </c>
      <c r="J165" s="94">
        <v>3.3664360151118053E-2</v>
      </c>
      <c r="K165" s="202">
        <v>78</v>
      </c>
      <c r="L165" s="204">
        <v>0.28499999999999998</v>
      </c>
      <c r="M165" s="94">
        <v>0.10077135724643115</v>
      </c>
      <c r="N165" s="204">
        <v>0.157</v>
      </c>
      <c r="O165" s="94">
        <v>8.3680286220470718E-2</v>
      </c>
      <c r="P165" s="204">
        <v>0.54400000000000004</v>
      </c>
      <c r="Q165" s="284">
        <v>0.11004395380540892</v>
      </c>
      <c r="R165" s="204">
        <v>1.4E-2</v>
      </c>
      <c r="S165" s="94">
        <v>4.2071643490200636E-2</v>
      </c>
    </row>
    <row r="166" spans="1:19">
      <c r="A166" s="49" t="s">
        <v>440</v>
      </c>
      <c r="B166" s="203">
        <v>79</v>
      </c>
      <c r="C166" s="205">
        <v>0.16</v>
      </c>
      <c r="D166" s="97">
        <v>8.367282315123703E-2</v>
      </c>
      <c r="E166" s="205">
        <v>0.26700000000000002</v>
      </c>
      <c r="F166" s="97">
        <v>9.8376602701682275E-2</v>
      </c>
      <c r="G166" s="205">
        <v>0.57299999999999995</v>
      </c>
      <c r="H166" s="97">
        <v>0.10869926717957945</v>
      </c>
      <c r="I166" s="205">
        <v>0</v>
      </c>
      <c r="J166" s="97">
        <v>3.3664360151118053E-2</v>
      </c>
      <c r="K166" s="203">
        <v>78</v>
      </c>
      <c r="L166" s="205">
        <v>0.251</v>
      </c>
      <c r="M166" s="97">
        <v>9.725509440235737E-2</v>
      </c>
      <c r="N166" s="205">
        <v>0.255</v>
      </c>
      <c r="O166" s="97">
        <v>9.7702451703803206E-2</v>
      </c>
      <c r="P166" s="205">
        <v>0.49399999999999999</v>
      </c>
      <c r="Q166" s="285">
        <v>0.11042433156488882</v>
      </c>
      <c r="R166" s="205">
        <v>0</v>
      </c>
      <c r="S166" s="97">
        <v>3.406977052534528E-2</v>
      </c>
    </row>
    <row r="167" spans="1:19">
      <c r="A167" s="57" t="s">
        <v>441</v>
      </c>
      <c r="B167" s="202">
        <v>73</v>
      </c>
      <c r="C167" s="204">
        <v>0.187</v>
      </c>
      <c r="D167" s="94">
        <v>9.1720982388722658E-2</v>
      </c>
      <c r="E167" s="204">
        <v>0.14299999999999999</v>
      </c>
      <c r="F167" s="94">
        <v>8.3882577378097845E-2</v>
      </c>
      <c r="G167" s="204">
        <v>0.66900000000000004</v>
      </c>
      <c r="H167" s="94">
        <v>0.10795124005252191</v>
      </c>
      <c r="I167" s="204">
        <v>0</v>
      </c>
      <c r="J167" s="94">
        <v>3.6252631573966396E-2</v>
      </c>
      <c r="K167" s="202">
        <v>74</v>
      </c>
      <c r="L167" s="204">
        <v>0.26500000000000001</v>
      </c>
      <c r="M167" s="94">
        <v>0.10134831261546084</v>
      </c>
      <c r="N167" s="204">
        <v>0.11700000000000001</v>
      </c>
      <c r="O167" s="94">
        <v>7.7780181957048028E-2</v>
      </c>
      <c r="P167" s="204">
        <v>0.60499999999999998</v>
      </c>
      <c r="Q167" s="284">
        <v>0.11095778248850141</v>
      </c>
      <c r="R167" s="204">
        <v>1.4E-2</v>
      </c>
      <c r="S167" s="94">
        <v>4.3799116608535145E-2</v>
      </c>
    </row>
    <row r="168" spans="1:19" ht="25.5">
      <c r="A168" s="49" t="s">
        <v>442</v>
      </c>
      <c r="B168" s="203">
        <v>113</v>
      </c>
      <c r="C168" s="205">
        <v>0.35399999999999998</v>
      </c>
      <c r="D168" s="97">
        <v>8.8697428569774223E-2</v>
      </c>
      <c r="E168" s="205">
        <v>0.24</v>
      </c>
      <c r="F168" s="97">
        <v>7.9945111485819509E-2</v>
      </c>
      <c r="G168" s="205">
        <v>0.40500000000000003</v>
      </c>
      <c r="H168" s="97">
        <v>9.0880130575290138E-2</v>
      </c>
      <c r="I168" s="205">
        <v>0</v>
      </c>
      <c r="J168" s="97">
        <v>2.3967079753657358E-2</v>
      </c>
      <c r="K168" s="203">
        <v>112</v>
      </c>
      <c r="L168" s="205">
        <v>0.34499999999999997</v>
      </c>
      <c r="M168" s="97">
        <v>8.8591143281504525E-2</v>
      </c>
      <c r="N168" s="205">
        <v>0.10299999999999999</v>
      </c>
      <c r="O168" s="97">
        <v>5.961751060406751E-2</v>
      </c>
      <c r="P168" s="205">
        <v>0.51300000000000001</v>
      </c>
      <c r="Q168" s="285">
        <v>9.2818408961310828E-2</v>
      </c>
      <c r="R168" s="205">
        <v>3.9E-2</v>
      </c>
      <c r="S168" s="97">
        <v>4.2297354744441608E-2</v>
      </c>
    </row>
    <row r="169" spans="1:19">
      <c r="A169" s="57" t="s">
        <v>443</v>
      </c>
      <c r="B169" s="202">
        <v>171</v>
      </c>
      <c r="C169" s="204">
        <v>0.14399999999999999</v>
      </c>
      <c r="D169" s="94">
        <v>5.4298946608126626E-2</v>
      </c>
      <c r="E169" s="204">
        <v>0.216</v>
      </c>
      <c r="F169" s="94">
        <v>6.288111100139436E-2</v>
      </c>
      <c r="G169" s="204">
        <v>0.64</v>
      </c>
      <c r="H169" s="94">
        <v>7.2708539093718952E-2</v>
      </c>
      <c r="I169" s="204">
        <v>0</v>
      </c>
      <c r="J169" s="94">
        <v>1.6069818513455389E-2</v>
      </c>
      <c r="K169" s="202">
        <v>170</v>
      </c>
      <c r="L169" s="204">
        <v>0.24399999999999999</v>
      </c>
      <c r="M169" s="94">
        <v>6.5643151549691761E-2</v>
      </c>
      <c r="N169" s="204">
        <v>0.23100000000000001</v>
      </c>
      <c r="O169" s="94">
        <v>6.4492305842432845E-2</v>
      </c>
      <c r="P169" s="204">
        <v>0.51200000000000001</v>
      </c>
      <c r="Q169" s="284">
        <v>7.5788960556888871E-2</v>
      </c>
      <c r="R169" s="204">
        <v>1.4E-2</v>
      </c>
      <c r="S169" s="94">
        <v>2.3750989514501962E-2</v>
      </c>
    </row>
    <row r="170" spans="1:19">
      <c r="A170" s="49" t="s">
        <v>455</v>
      </c>
      <c r="B170" s="203">
        <v>150</v>
      </c>
      <c r="C170" s="205">
        <v>0.375</v>
      </c>
      <c r="D170" s="97">
        <v>7.8156710192938225E-2</v>
      </c>
      <c r="E170" s="205">
        <v>0.17899999999999999</v>
      </c>
      <c r="F170" s="97">
        <v>6.2883578804901585E-2</v>
      </c>
      <c r="G170" s="205">
        <v>0.44500000000000001</v>
      </c>
      <c r="H170" s="97">
        <v>8.0118435390188772E-2</v>
      </c>
      <c r="I170" s="205">
        <v>0</v>
      </c>
      <c r="J170" s="97">
        <v>1.8246757748421008E-2</v>
      </c>
      <c r="K170" s="203">
        <v>148</v>
      </c>
      <c r="L170" s="205">
        <v>0.38900000000000001</v>
      </c>
      <c r="M170" s="97">
        <v>7.9193125222580513E-2</v>
      </c>
      <c r="N170" s="205">
        <v>0.16900000000000001</v>
      </c>
      <c r="O170" s="97">
        <v>6.2012200657008784E-2</v>
      </c>
      <c r="P170" s="205">
        <v>0.42199999999999999</v>
      </c>
      <c r="Q170" s="285">
        <v>8.0169556702278946E-2</v>
      </c>
      <c r="R170" s="205">
        <v>0.02</v>
      </c>
      <c r="S170" s="97">
        <v>2.8821939287345381E-2</v>
      </c>
    </row>
    <row r="171" spans="1:19">
      <c r="A171" s="57" t="s">
        <v>444</v>
      </c>
      <c r="B171" s="202">
        <v>89</v>
      </c>
      <c r="C171" s="204">
        <v>0.36099999999999999</v>
      </c>
      <c r="D171" s="94">
        <v>9.9958115767783698E-2</v>
      </c>
      <c r="E171" s="204">
        <v>0.22</v>
      </c>
      <c r="F171" s="94">
        <v>8.7546989389235816E-2</v>
      </c>
      <c r="G171" s="204">
        <v>0.41899999999999998</v>
      </c>
      <c r="H171" s="94">
        <v>0.10244143351514999</v>
      </c>
      <c r="I171" s="204">
        <v>0</v>
      </c>
      <c r="J171" s="94">
        <v>3.0084393934100805E-2</v>
      </c>
      <c r="K171" s="202">
        <v>88</v>
      </c>
      <c r="L171" s="204">
        <v>0.39500000000000002</v>
      </c>
      <c r="M171" s="94">
        <v>0.10213223620094813</v>
      </c>
      <c r="N171" s="204">
        <v>0.17399999999999999</v>
      </c>
      <c r="O171" s="94">
        <v>8.1498063858939707E-2</v>
      </c>
      <c r="P171" s="204">
        <v>0.39700000000000002</v>
      </c>
      <c r="Q171" s="284">
        <v>0.10221321851866376</v>
      </c>
      <c r="R171" s="204">
        <v>3.4000000000000002E-2</v>
      </c>
      <c r="S171" s="94">
        <v>4.7235132282086971E-2</v>
      </c>
    </row>
    <row r="172" spans="1:19">
      <c r="A172" s="49" t="s">
        <v>454</v>
      </c>
      <c r="B172" s="203">
        <v>256</v>
      </c>
      <c r="C172" s="205">
        <v>0.36099999999999999</v>
      </c>
      <c r="D172" s="97">
        <v>5.9648833799927699E-2</v>
      </c>
      <c r="E172" s="205">
        <v>0.17100000000000001</v>
      </c>
      <c r="F172" s="97">
        <v>4.7241421384220189E-2</v>
      </c>
      <c r="G172" s="205">
        <v>0.46800000000000003</v>
      </c>
      <c r="H172" s="97">
        <v>6.1894111230446046E-2</v>
      </c>
      <c r="I172" s="205">
        <v>0</v>
      </c>
      <c r="J172" s="97">
        <v>1.0836644452735043E-2</v>
      </c>
      <c r="K172" s="203">
        <v>255</v>
      </c>
      <c r="L172" s="205">
        <v>0.38300000000000001</v>
      </c>
      <c r="M172" s="97">
        <v>6.0465448340733328E-2</v>
      </c>
      <c r="N172" s="205">
        <v>0.123</v>
      </c>
      <c r="O172" s="97">
        <v>4.1632179540792548E-2</v>
      </c>
      <c r="P172" s="205">
        <v>0.47</v>
      </c>
      <c r="Q172" s="285">
        <v>6.2028463333416391E-2</v>
      </c>
      <c r="R172" s="205">
        <v>2.4E-2</v>
      </c>
      <c r="S172" s="97">
        <v>2.1656655328024254E-2</v>
      </c>
    </row>
    <row r="173" spans="1:19" ht="25.5">
      <c r="A173" s="57" t="s">
        <v>445</v>
      </c>
      <c r="B173" s="202">
        <v>111</v>
      </c>
      <c r="C173" s="204">
        <v>0.308</v>
      </c>
      <c r="D173" s="94">
        <v>8.6608735979826781E-2</v>
      </c>
      <c r="E173" s="204">
        <v>0.123</v>
      </c>
      <c r="F173" s="94">
        <v>6.3952776836974479E-2</v>
      </c>
      <c r="G173" s="204">
        <v>0.56899999999999995</v>
      </c>
      <c r="H173" s="94">
        <v>9.2419542446860001E-2</v>
      </c>
      <c r="I173" s="204">
        <v>0</v>
      </c>
      <c r="J173" s="94">
        <v>2.4380210707016403E-2</v>
      </c>
      <c r="K173" s="202">
        <v>110</v>
      </c>
      <c r="L173" s="204">
        <v>0.26</v>
      </c>
      <c r="M173" s="94">
        <v>8.300733240402787E-2</v>
      </c>
      <c r="N173" s="204">
        <v>9.0999999999999998E-2</v>
      </c>
      <c r="O173" s="94">
        <v>5.7507305368925024E-2</v>
      </c>
      <c r="P173" s="204">
        <v>0.61699999999999999</v>
      </c>
      <c r="Q173" s="284">
        <v>9.1239953235594085E-2</v>
      </c>
      <c r="R173" s="204">
        <v>3.2000000000000001E-2</v>
      </c>
      <c r="S173" s="94">
        <v>4.0208428152730513E-2</v>
      </c>
    </row>
    <row r="174" spans="1:19">
      <c r="A174" s="49" t="s">
        <v>471</v>
      </c>
      <c r="B174" s="203">
        <v>90</v>
      </c>
      <c r="C174" s="205">
        <v>0.42299999999999999</v>
      </c>
      <c r="D174" s="97">
        <v>0.10201477983554103</v>
      </c>
      <c r="E174" s="205">
        <v>0.127</v>
      </c>
      <c r="F174" s="97">
        <v>7.2187649903497395E-2</v>
      </c>
      <c r="G174" s="205">
        <v>0.45</v>
      </c>
      <c r="H174" s="97">
        <v>0.10266828199888946</v>
      </c>
      <c r="I174" s="205">
        <v>0</v>
      </c>
      <c r="J174" s="97">
        <v>2.976782656907849E-2</v>
      </c>
      <c r="K174" s="203">
        <v>90</v>
      </c>
      <c r="L174" s="205">
        <v>0.443</v>
      </c>
      <c r="M174" s="97">
        <v>0.10252589240860038</v>
      </c>
      <c r="N174" s="205">
        <v>0.14399999999999999</v>
      </c>
      <c r="O174" s="97">
        <v>7.5461855176258752E-2</v>
      </c>
      <c r="P174" s="205">
        <v>0.39500000000000002</v>
      </c>
      <c r="Q174" s="285">
        <v>0.10103577080648485</v>
      </c>
      <c r="R174" s="205">
        <v>1.7999999999999999E-2</v>
      </c>
      <c r="S174" s="97">
        <v>3.9694347652586177E-2</v>
      </c>
    </row>
    <row r="175" spans="1:19" ht="25.5">
      <c r="A175" s="57" t="s">
        <v>442</v>
      </c>
      <c r="B175" s="202">
        <v>113</v>
      </c>
      <c r="C175" s="204">
        <v>0.35399999999999998</v>
      </c>
      <c r="D175" s="94">
        <v>8.8697428569774223E-2</v>
      </c>
      <c r="E175" s="204">
        <v>0.24</v>
      </c>
      <c r="F175" s="94">
        <v>7.9945111485819509E-2</v>
      </c>
      <c r="G175" s="204">
        <v>0.40500000000000003</v>
      </c>
      <c r="H175" s="94">
        <v>9.0880130575290138E-2</v>
      </c>
      <c r="I175" s="204">
        <v>0</v>
      </c>
      <c r="J175" s="94">
        <v>2.3967079753657358E-2</v>
      </c>
      <c r="K175" s="202">
        <v>112</v>
      </c>
      <c r="L175" s="204">
        <v>0.34499999999999997</v>
      </c>
      <c r="M175" s="94">
        <v>8.8591143281504525E-2</v>
      </c>
      <c r="N175" s="204">
        <v>0.10299999999999999</v>
      </c>
      <c r="O175" s="94">
        <v>5.961751060406751E-2</v>
      </c>
      <c r="P175" s="204">
        <v>0.51300000000000001</v>
      </c>
      <c r="Q175" s="284">
        <v>9.2818408961310828E-2</v>
      </c>
      <c r="R175" s="204">
        <v>3.9E-2</v>
      </c>
      <c r="S175" s="94">
        <v>4.2297354744441608E-2</v>
      </c>
    </row>
    <row r="177" spans="1:10" ht="18.75">
      <c r="A177" s="367" t="s">
        <v>449</v>
      </c>
      <c r="B177" s="367"/>
      <c r="C177" s="367"/>
      <c r="D177" s="367"/>
      <c r="E177" s="236"/>
      <c r="F177" s="236"/>
      <c r="G177" s="236"/>
      <c r="H177" s="236"/>
      <c r="I177" s="236"/>
      <c r="J177" s="258"/>
    </row>
    <row r="178" spans="1:10" ht="147" customHeight="1">
      <c r="A178" s="423" t="s">
        <v>505</v>
      </c>
      <c r="B178" s="423"/>
      <c r="C178" s="423"/>
      <c r="D178" s="423"/>
      <c r="E178" s="288"/>
      <c r="F178" s="288"/>
      <c r="G178" s="288"/>
      <c r="H178" s="288"/>
      <c r="I178" s="288"/>
    </row>
    <row r="179" spans="1:10" ht="36" customHeight="1">
      <c r="A179" s="409" t="s">
        <v>166</v>
      </c>
      <c r="B179" s="409"/>
      <c r="C179" s="409"/>
      <c r="D179" s="409"/>
    </row>
    <row r="180" spans="1:10" ht="40.5" customHeight="1">
      <c r="A180" s="37" t="s">
        <v>85</v>
      </c>
      <c r="B180" s="38" t="s">
        <v>86</v>
      </c>
      <c r="C180" s="39" t="s">
        <v>87</v>
      </c>
      <c r="D180" s="40" t="s">
        <v>88</v>
      </c>
    </row>
    <row r="181" spans="1:10" ht="72">
      <c r="A181" s="41"/>
      <c r="B181" s="42" t="s">
        <v>89</v>
      </c>
      <c r="C181" s="128" t="s">
        <v>167</v>
      </c>
      <c r="D181" s="44" t="s">
        <v>91</v>
      </c>
    </row>
    <row r="182" spans="1:10">
      <c r="A182" s="45" t="s">
        <v>430</v>
      </c>
      <c r="B182" s="206">
        <v>10992</v>
      </c>
      <c r="C182" s="84">
        <v>3.79</v>
      </c>
      <c r="D182" s="85">
        <v>1.9599999999999999E-2</v>
      </c>
    </row>
    <row r="183" spans="1:10">
      <c r="A183" s="49" t="s">
        <v>431</v>
      </c>
      <c r="B183" s="49">
        <v>8875</v>
      </c>
      <c r="C183" s="210">
        <v>3.72</v>
      </c>
      <c r="D183" s="211">
        <v>1.9599999999999999E-2</v>
      </c>
    </row>
    <row r="184" spans="1:10">
      <c r="A184" s="45" t="s">
        <v>432</v>
      </c>
      <c r="B184" s="53">
        <v>1959</v>
      </c>
      <c r="C184" s="84">
        <v>4.0999999999999996</v>
      </c>
      <c r="D184" s="85">
        <v>5.8799999999999998E-2</v>
      </c>
    </row>
    <row r="185" spans="1:10">
      <c r="A185" s="49" t="s">
        <v>433</v>
      </c>
      <c r="B185" s="49">
        <v>132</v>
      </c>
      <c r="C185" s="210">
        <v>4.5199999999999996</v>
      </c>
      <c r="D185" s="211">
        <v>0.21559999999999999</v>
      </c>
    </row>
    <row r="186" spans="1:10">
      <c r="A186" s="45" t="s">
        <v>434</v>
      </c>
      <c r="B186" s="53">
        <v>3070</v>
      </c>
      <c r="C186" s="84">
        <v>3.76</v>
      </c>
      <c r="D186" s="85">
        <v>3.9199999999999999E-2</v>
      </c>
    </row>
    <row r="187" spans="1:10">
      <c r="A187" s="49" t="s">
        <v>435</v>
      </c>
      <c r="B187" s="49">
        <v>2486</v>
      </c>
      <c r="C187" s="210">
        <v>3.6</v>
      </c>
      <c r="D187" s="211">
        <v>5.8799999999999998E-2</v>
      </c>
    </row>
    <row r="188" spans="1:10">
      <c r="A188" s="45" t="s">
        <v>452</v>
      </c>
      <c r="B188" s="53">
        <v>92</v>
      </c>
      <c r="C188" s="84">
        <v>3.56</v>
      </c>
      <c r="D188" s="85">
        <v>0.27440000000000003</v>
      </c>
    </row>
    <row r="189" spans="1:10">
      <c r="A189" s="49" t="s">
        <v>172</v>
      </c>
      <c r="B189" s="49">
        <v>246</v>
      </c>
      <c r="C189" s="210">
        <v>3.62</v>
      </c>
      <c r="D189" s="211">
        <v>0.15679999999999999</v>
      </c>
    </row>
    <row r="190" spans="1:10" ht="25.5">
      <c r="A190" s="45" t="s">
        <v>436</v>
      </c>
      <c r="B190" s="53">
        <v>97</v>
      </c>
      <c r="C190" s="84">
        <v>3.33</v>
      </c>
      <c r="D190" s="85">
        <v>0.23519999999999999</v>
      </c>
    </row>
    <row r="191" spans="1:10" ht="25.5">
      <c r="A191" s="49" t="s">
        <v>437</v>
      </c>
      <c r="B191" s="49">
        <v>116</v>
      </c>
      <c r="C191" s="210">
        <v>4.08</v>
      </c>
      <c r="D191" s="211">
        <v>0.23519999999999999</v>
      </c>
    </row>
    <row r="192" spans="1:10">
      <c r="A192" s="45" t="s">
        <v>453</v>
      </c>
      <c r="B192" s="206">
        <v>543</v>
      </c>
      <c r="C192" s="84">
        <v>3.25</v>
      </c>
      <c r="D192" s="85">
        <v>9.8000000000000004E-2</v>
      </c>
    </row>
    <row r="193" spans="1:46" ht="25.5">
      <c r="A193" s="49" t="s">
        <v>438</v>
      </c>
      <c r="B193" s="209">
        <v>82</v>
      </c>
      <c r="C193" s="210">
        <v>3.76</v>
      </c>
      <c r="D193" s="211">
        <v>0.25480000000000003</v>
      </c>
    </row>
    <row r="194" spans="1:46">
      <c r="A194" s="45" t="s">
        <v>439</v>
      </c>
      <c r="B194" s="83">
        <v>80</v>
      </c>
      <c r="C194" s="84">
        <v>3.88</v>
      </c>
      <c r="D194" s="85">
        <v>0.23519999999999999</v>
      </c>
    </row>
    <row r="195" spans="1:46">
      <c r="A195" s="49" t="s">
        <v>440</v>
      </c>
      <c r="B195" s="209">
        <v>79</v>
      </c>
      <c r="C195" s="210">
        <v>3.16</v>
      </c>
      <c r="D195" s="211">
        <v>0.21559999999999999</v>
      </c>
    </row>
    <row r="196" spans="1:46">
      <c r="A196" s="57" t="s">
        <v>441</v>
      </c>
      <c r="B196" s="206">
        <v>75</v>
      </c>
      <c r="C196" s="84">
        <v>3.11</v>
      </c>
      <c r="D196" s="85">
        <v>0.27440000000000003</v>
      </c>
    </row>
    <row r="197" spans="1:46" ht="25.5">
      <c r="A197" s="49" t="s">
        <v>442</v>
      </c>
      <c r="B197" s="209">
        <v>112</v>
      </c>
      <c r="C197" s="210">
        <v>3.87</v>
      </c>
      <c r="D197" s="211">
        <v>0.23519999999999999</v>
      </c>
    </row>
    <row r="198" spans="1:46">
      <c r="A198" s="57" t="s">
        <v>443</v>
      </c>
      <c r="B198" s="206">
        <v>171</v>
      </c>
      <c r="C198" s="84">
        <v>2.96</v>
      </c>
      <c r="D198" s="85">
        <v>0.15679999999999999</v>
      </c>
    </row>
    <row r="199" spans="1:46">
      <c r="A199" s="49" t="s">
        <v>455</v>
      </c>
      <c r="B199" s="209">
        <v>148</v>
      </c>
      <c r="C199" s="210">
        <v>4.05</v>
      </c>
      <c r="D199" s="211">
        <v>0.21559999999999999</v>
      </c>
    </row>
    <row r="200" spans="1:46">
      <c r="A200" s="57" t="s">
        <v>444</v>
      </c>
      <c r="B200" s="206">
        <v>87</v>
      </c>
      <c r="C200" s="84">
        <v>4.08</v>
      </c>
      <c r="D200" s="85">
        <v>0.25480000000000003</v>
      </c>
    </row>
    <row r="201" spans="1:46">
      <c r="A201" s="49" t="s">
        <v>454</v>
      </c>
      <c r="B201" s="209">
        <v>259</v>
      </c>
      <c r="C201" s="210">
        <v>4.46</v>
      </c>
      <c r="D201" s="211">
        <v>0.15679999999999999</v>
      </c>
    </row>
    <row r="202" spans="1:46" ht="25.5">
      <c r="A202" s="57" t="s">
        <v>445</v>
      </c>
      <c r="B202" s="206">
        <v>112</v>
      </c>
      <c r="C202" s="84">
        <v>4.25</v>
      </c>
      <c r="D202" s="85">
        <v>0.21559999999999999</v>
      </c>
    </row>
    <row r="203" spans="1:46">
      <c r="A203" s="49" t="s">
        <v>471</v>
      </c>
      <c r="B203" s="209">
        <v>91</v>
      </c>
      <c r="C203" s="210">
        <v>4.8</v>
      </c>
      <c r="D203" s="211">
        <v>0.27440000000000003</v>
      </c>
    </row>
    <row r="204" spans="1:46" ht="25.5">
      <c r="A204" s="57" t="s">
        <v>442</v>
      </c>
      <c r="B204" s="206">
        <v>112</v>
      </c>
      <c r="C204" s="84">
        <v>3.87</v>
      </c>
      <c r="D204" s="85">
        <v>0.23519999999999999</v>
      </c>
    </row>
    <row r="206" spans="1:46" ht="18.75">
      <c r="A206" s="367" t="s">
        <v>450</v>
      </c>
      <c r="B206" s="367"/>
      <c r="C206" s="367"/>
      <c r="D206" s="367"/>
      <c r="E206" s="367"/>
      <c r="F206" s="367"/>
      <c r="G206" s="367"/>
      <c r="H206" s="367"/>
      <c r="I206" s="367"/>
      <c r="J206" s="367"/>
      <c r="K206" s="367"/>
      <c r="L206" s="367"/>
      <c r="M206" s="367"/>
      <c r="N206" s="367"/>
      <c r="O206" s="367"/>
      <c r="P206" s="367"/>
      <c r="Q206" s="367"/>
      <c r="R206" s="367"/>
      <c r="S206" s="367"/>
      <c r="T206" s="367"/>
      <c r="U206" s="367"/>
      <c r="V206" s="367"/>
      <c r="W206" s="367"/>
      <c r="X206" s="367"/>
      <c r="Y206" s="367"/>
      <c r="Z206" s="367"/>
      <c r="AA206" s="367"/>
      <c r="AB206" s="367"/>
      <c r="AC206" s="367"/>
      <c r="AD206" s="367"/>
      <c r="AE206" s="367"/>
      <c r="AF206" s="367"/>
      <c r="AG206" s="367"/>
      <c r="AH206" s="367"/>
      <c r="AI206" s="367"/>
      <c r="AJ206" s="367"/>
      <c r="AK206" s="367"/>
      <c r="AL206" s="367"/>
      <c r="AM206" s="367"/>
      <c r="AN206" s="367"/>
      <c r="AO206" s="367"/>
      <c r="AP206" s="367"/>
      <c r="AQ206" s="367"/>
      <c r="AR206" s="367"/>
      <c r="AS206" s="367"/>
      <c r="AT206" s="367"/>
    </row>
    <row r="207" spans="1:46" ht="54" customHeight="1">
      <c r="A207" s="423" t="s">
        <v>506</v>
      </c>
      <c r="B207" s="423"/>
      <c r="C207" s="423"/>
      <c r="D207" s="423"/>
      <c r="E207" s="423"/>
      <c r="F207" s="423"/>
      <c r="G207" s="423"/>
      <c r="H207" s="423"/>
      <c r="I207" s="423"/>
      <c r="J207" s="423"/>
      <c r="K207" s="423"/>
      <c r="L207" s="423"/>
      <c r="M207" s="423"/>
      <c r="N207" s="423"/>
      <c r="O207" s="423"/>
      <c r="P207" s="423"/>
      <c r="Q207" s="423"/>
      <c r="R207" s="423"/>
      <c r="S207" s="423"/>
      <c r="T207" s="423"/>
      <c r="U207" s="423"/>
      <c r="V207" s="423"/>
      <c r="W207" s="423"/>
      <c r="X207" s="423"/>
      <c r="Y207" s="423"/>
      <c r="Z207" s="423"/>
      <c r="AA207" s="423"/>
      <c r="AB207" s="423"/>
      <c r="AC207" s="423"/>
      <c r="AD207" s="423"/>
      <c r="AE207" s="423"/>
      <c r="AF207" s="423"/>
      <c r="AG207" s="423"/>
      <c r="AH207" s="423"/>
      <c r="AI207" s="423"/>
      <c r="AJ207" s="423"/>
      <c r="AK207" s="423"/>
      <c r="AL207" s="423"/>
      <c r="AM207" s="423"/>
      <c r="AN207" s="423"/>
      <c r="AO207" s="423"/>
      <c r="AP207" s="423"/>
      <c r="AQ207" s="423"/>
      <c r="AR207" s="423"/>
      <c r="AS207" s="423"/>
      <c r="AT207" s="423"/>
    </row>
    <row r="208" spans="1:46" ht="32.25" customHeight="1">
      <c r="A208" s="64"/>
      <c r="B208" s="402" t="s">
        <v>345</v>
      </c>
      <c r="C208" s="403"/>
      <c r="D208" s="403"/>
      <c r="E208" s="403"/>
      <c r="F208" s="403"/>
      <c r="G208" s="403"/>
      <c r="H208" s="403"/>
      <c r="I208" s="403"/>
      <c r="J208" s="404"/>
      <c r="K208" s="402" t="s">
        <v>346</v>
      </c>
      <c r="L208" s="403"/>
      <c r="M208" s="403"/>
      <c r="N208" s="403"/>
      <c r="O208" s="403"/>
      <c r="P208" s="403"/>
      <c r="Q208" s="403"/>
      <c r="R208" s="403"/>
      <c r="S208" s="404"/>
      <c r="T208" s="402" t="s">
        <v>347</v>
      </c>
      <c r="U208" s="403"/>
      <c r="V208" s="403"/>
      <c r="W208" s="403"/>
      <c r="X208" s="403"/>
      <c r="Y208" s="403"/>
      <c r="Z208" s="403"/>
      <c r="AA208" s="403"/>
      <c r="AB208" s="404"/>
      <c r="AC208" s="402" t="s">
        <v>348</v>
      </c>
      <c r="AD208" s="403"/>
      <c r="AE208" s="403"/>
      <c r="AF208" s="403"/>
      <c r="AG208" s="403"/>
      <c r="AH208" s="403"/>
      <c r="AI208" s="403"/>
      <c r="AJ208" s="403"/>
      <c r="AK208" s="404"/>
      <c r="AL208" s="402" t="s">
        <v>349</v>
      </c>
      <c r="AM208" s="403"/>
      <c r="AN208" s="403"/>
      <c r="AO208" s="403"/>
      <c r="AP208" s="403"/>
      <c r="AQ208" s="403"/>
      <c r="AR208" s="403"/>
      <c r="AS208" s="403"/>
      <c r="AT208" s="404"/>
    </row>
    <row r="209" spans="1:46" ht="60.75" customHeight="1">
      <c r="A209" s="37" t="s">
        <v>85</v>
      </c>
      <c r="B209" s="38" t="s">
        <v>86</v>
      </c>
      <c r="C209" s="38" t="s">
        <v>258</v>
      </c>
      <c r="D209" s="89" t="s">
        <v>350</v>
      </c>
      <c r="E209" s="38" t="s">
        <v>351</v>
      </c>
      <c r="F209" s="89" t="s">
        <v>319</v>
      </c>
      <c r="G209" s="38" t="s">
        <v>352</v>
      </c>
      <c r="H209" s="89" t="s">
        <v>320</v>
      </c>
      <c r="I209" s="38" t="s">
        <v>356</v>
      </c>
      <c r="J209" s="89" t="s">
        <v>370</v>
      </c>
      <c r="K209" s="65" t="s">
        <v>86</v>
      </c>
      <c r="L209" s="65" t="s">
        <v>426</v>
      </c>
      <c r="M209" s="88" t="s">
        <v>427</v>
      </c>
      <c r="N209" s="65" t="s">
        <v>422</v>
      </c>
      <c r="O209" s="88" t="s">
        <v>424</v>
      </c>
      <c r="P209" s="65" t="s">
        <v>428</v>
      </c>
      <c r="Q209" s="88" t="s">
        <v>429</v>
      </c>
      <c r="R209" s="286" t="s">
        <v>356</v>
      </c>
      <c r="S209" s="88" t="s">
        <v>370</v>
      </c>
      <c r="T209" s="38" t="s">
        <v>86</v>
      </c>
      <c r="U209" s="38" t="s">
        <v>426</v>
      </c>
      <c r="V209" s="89" t="s">
        <v>427</v>
      </c>
      <c r="W209" s="38" t="s">
        <v>422</v>
      </c>
      <c r="X209" s="89" t="s">
        <v>424</v>
      </c>
      <c r="Y209" s="38" t="s">
        <v>428</v>
      </c>
      <c r="Z209" s="89" t="s">
        <v>429</v>
      </c>
      <c r="AA209" s="38" t="s">
        <v>356</v>
      </c>
      <c r="AB209" s="89" t="s">
        <v>370</v>
      </c>
      <c r="AC209" s="65" t="s">
        <v>86</v>
      </c>
      <c r="AD209" s="65" t="s">
        <v>426</v>
      </c>
      <c r="AE209" s="88" t="s">
        <v>427</v>
      </c>
      <c r="AF209" s="65" t="s">
        <v>422</v>
      </c>
      <c r="AG209" s="88" t="s">
        <v>424</v>
      </c>
      <c r="AH209" s="65" t="s">
        <v>428</v>
      </c>
      <c r="AI209" s="88" t="s">
        <v>429</v>
      </c>
      <c r="AJ209" s="65" t="s">
        <v>356</v>
      </c>
      <c r="AK209" s="88" t="s">
        <v>370</v>
      </c>
      <c r="AL209" s="38" t="s">
        <v>86</v>
      </c>
      <c r="AM209" s="38" t="s">
        <v>426</v>
      </c>
      <c r="AN209" s="89" t="s">
        <v>427</v>
      </c>
      <c r="AO209" s="38" t="s">
        <v>422</v>
      </c>
      <c r="AP209" s="89" t="s">
        <v>424</v>
      </c>
      <c r="AQ209" s="38" t="s">
        <v>428</v>
      </c>
      <c r="AR209" s="89" t="s">
        <v>429</v>
      </c>
      <c r="AS209" s="38" t="s">
        <v>356</v>
      </c>
      <c r="AT209" s="89" t="s">
        <v>370</v>
      </c>
    </row>
    <row r="210" spans="1:46" ht="72">
      <c r="A210" s="41"/>
      <c r="B210" s="42" t="s">
        <v>89</v>
      </c>
      <c r="C210" s="42" t="s">
        <v>182</v>
      </c>
      <c r="D210" s="91" t="s">
        <v>104</v>
      </c>
      <c r="E210" s="42" t="s">
        <v>183</v>
      </c>
      <c r="F210" s="91" t="s">
        <v>104</v>
      </c>
      <c r="G210" s="42" t="s">
        <v>184</v>
      </c>
      <c r="H210" s="91" t="s">
        <v>104</v>
      </c>
      <c r="I210" s="42" t="s">
        <v>356</v>
      </c>
      <c r="J210" s="91" t="s">
        <v>104</v>
      </c>
      <c r="K210" s="68" t="s">
        <v>89</v>
      </c>
      <c r="L210" s="68" t="s">
        <v>421</v>
      </c>
      <c r="M210" s="90" t="s">
        <v>104</v>
      </c>
      <c r="N210" s="68" t="s">
        <v>423</v>
      </c>
      <c r="O210" s="90" t="s">
        <v>104</v>
      </c>
      <c r="P210" s="68" t="s">
        <v>182</v>
      </c>
      <c r="Q210" s="90" t="s">
        <v>104</v>
      </c>
      <c r="R210" s="287" t="s">
        <v>356</v>
      </c>
      <c r="S210" s="90" t="s">
        <v>104</v>
      </c>
      <c r="T210" s="42" t="s">
        <v>89</v>
      </c>
      <c r="U210" s="42" t="s">
        <v>421</v>
      </c>
      <c r="V210" s="91" t="s">
        <v>104</v>
      </c>
      <c r="W210" s="42" t="s">
        <v>423</v>
      </c>
      <c r="X210" s="91" t="s">
        <v>104</v>
      </c>
      <c r="Y210" s="42" t="s">
        <v>182</v>
      </c>
      <c r="Z210" s="91" t="s">
        <v>104</v>
      </c>
      <c r="AA210" s="42" t="s">
        <v>356</v>
      </c>
      <c r="AB210" s="91" t="s">
        <v>104</v>
      </c>
      <c r="AC210" s="68" t="s">
        <v>89</v>
      </c>
      <c r="AD210" s="68" t="s">
        <v>421</v>
      </c>
      <c r="AE210" s="90" t="s">
        <v>104</v>
      </c>
      <c r="AF210" s="68" t="s">
        <v>423</v>
      </c>
      <c r="AG210" s="90" t="s">
        <v>104</v>
      </c>
      <c r="AH210" s="68" t="s">
        <v>182</v>
      </c>
      <c r="AI210" s="90" t="s">
        <v>104</v>
      </c>
      <c r="AJ210" s="68" t="s">
        <v>356</v>
      </c>
      <c r="AK210" s="90" t="s">
        <v>104</v>
      </c>
      <c r="AL210" s="42" t="s">
        <v>89</v>
      </c>
      <c r="AM210" s="42" t="s">
        <v>421</v>
      </c>
      <c r="AN210" s="91" t="s">
        <v>104</v>
      </c>
      <c r="AO210" s="42" t="s">
        <v>423</v>
      </c>
      <c r="AP210" s="91" t="s">
        <v>104</v>
      </c>
      <c r="AQ210" s="42" t="s">
        <v>182</v>
      </c>
      <c r="AR210" s="91" t="s">
        <v>104</v>
      </c>
      <c r="AS210" s="42" t="s">
        <v>356</v>
      </c>
      <c r="AT210" s="91" t="s">
        <v>104</v>
      </c>
    </row>
    <row r="211" spans="1:46">
      <c r="A211" s="45" t="s">
        <v>430</v>
      </c>
      <c r="B211" s="206">
        <v>10961</v>
      </c>
      <c r="C211" s="212">
        <v>0.14099999999999999</v>
      </c>
      <c r="D211" s="94">
        <v>6.6496731982213864E-3</v>
      </c>
      <c r="E211" s="212">
        <v>0.16800000000000001</v>
      </c>
      <c r="F211" s="94">
        <v>7.1427731357552237E-3</v>
      </c>
      <c r="G211" s="212">
        <v>0.68</v>
      </c>
      <c r="H211" s="94">
        <v>8.9100205820281352E-3</v>
      </c>
      <c r="I211" s="212">
        <v>1.2E-2</v>
      </c>
      <c r="J211" s="94">
        <v>2.0948521605220535E-3</v>
      </c>
      <c r="K211" s="206">
        <v>10984</v>
      </c>
      <c r="L211" s="212">
        <v>0.24762340161244129</v>
      </c>
      <c r="M211" s="94">
        <v>8.2364143383151945E-3</v>
      </c>
      <c r="N211" s="212">
        <v>0.42597845827984321</v>
      </c>
      <c r="O211" s="94">
        <v>9.4347875729083579E-3</v>
      </c>
      <c r="P211" s="212">
        <v>0.25040651474367437</v>
      </c>
      <c r="Q211" s="94">
        <v>8.2672075167569154E-3</v>
      </c>
      <c r="R211" s="212">
        <v>7.5991625364043358E-2</v>
      </c>
      <c r="S211" s="94">
        <v>5.0605280136049573E-3</v>
      </c>
      <c r="T211" s="206">
        <v>11013</v>
      </c>
      <c r="U211" s="212">
        <v>0.38190920252164035</v>
      </c>
      <c r="V211" s="94">
        <v>9.2579287671147731E-3</v>
      </c>
      <c r="W211" s="212">
        <v>0.31175161858371059</v>
      </c>
      <c r="X211" s="94">
        <v>8.8267599421445828E-3</v>
      </c>
      <c r="Y211" s="212">
        <v>0.13993233793948978</v>
      </c>
      <c r="Z211" s="94">
        <v>6.6129226233515963E-3</v>
      </c>
      <c r="AA211" s="212">
        <v>0.16640684095515595</v>
      </c>
      <c r="AB211" s="94">
        <v>7.098840526480737E-3</v>
      </c>
      <c r="AC211" s="206">
        <v>11013</v>
      </c>
      <c r="AD211" s="212">
        <v>0.35199999999999998</v>
      </c>
      <c r="AE211" s="94">
        <v>9.1006475318986639E-3</v>
      </c>
      <c r="AF211" s="212">
        <v>0.34399999999999997</v>
      </c>
      <c r="AG211" s="94">
        <v>9.0520399674367223E-3</v>
      </c>
      <c r="AH211" s="212">
        <v>0.14300000000000002</v>
      </c>
      <c r="AI211" s="94">
        <v>6.6729925909146245E-3</v>
      </c>
      <c r="AJ211" s="212">
        <v>0.16200000000000001</v>
      </c>
      <c r="AK211" s="94">
        <v>7.0228027118382158E-3</v>
      </c>
      <c r="AL211" s="206">
        <v>11001</v>
      </c>
      <c r="AM211" s="212">
        <v>0.224</v>
      </c>
      <c r="AN211" s="94">
        <v>7.9498511210027521E-3</v>
      </c>
      <c r="AO211" s="212">
        <v>0.33399999999999996</v>
      </c>
      <c r="AP211" s="94">
        <v>8.9921774875635265E-3</v>
      </c>
      <c r="AQ211" s="212">
        <v>0.17199999999999999</v>
      </c>
      <c r="AR211" s="94">
        <v>7.1967025905684389E-3</v>
      </c>
      <c r="AS211" s="212">
        <v>0.27</v>
      </c>
      <c r="AT211" s="94">
        <v>8.4648767501296386E-3</v>
      </c>
    </row>
    <row r="212" spans="1:46">
      <c r="A212" s="49" t="s">
        <v>431</v>
      </c>
      <c r="B212" s="209">
        <v>8815</v>
      </c>
      <c r="C212" s="213">
        <v>0.13900000000000001</v>
      </c>
      <c r="D212" s="97">
        <v>7.3712924673769668E-3</v>
      </c>
      <c r="E212" s="213">
        <v>0.16500000000000001</v>
      </c>
      <c r="F212" s="97">
        <v>7.9079859718514459E-3</v>
      </c>
      <c r="G212" s="213">
        <v>0.69</v>
      </c>
      <c r="H212" s="97">
        <v>9.8505153292116013E-3</v>
      </c>
      <c r="I212" s="213">
        <v>7.0000000000000001E-3</v>
      </c>
      <c r="J212" s="97">
        <v>1.8035290152243254E-3</v>
      </c>
      <c r="K212" s="209">
        <v>8837</v>
      </c>
      <c r="L212" s="213">
        <v>0.24399999999999999</v>
      </c>
      <c r="M212" s="97">
        <v>9.1370266845013145E-3</v>
      </c>
      <c r="N212" s="213">
        <v>0.432</v>
      </c>
      <c r="O212" s="97">
        <v>1.0536564827741743E-2</v>
      </c>
      <c r="P212" s="213">
        <v>0.253</v>
      </c>
      <c r="Q212" s="97">
        <v>9.2483289461389086E-3</v>
      </c>
      <c r="R212" s="213">
        <v>7.0999999999999994E-2</v>
      </c>
      <c r="S212" s="97">
        <v>5.4697033519390129E-3</v>
      </c>
      <c r="T212" s="209">
        <v>8865</v>
      </c>
      <c r="U212" s="213">
        <v>0.443</v>
      </c>
      <c r="V212" s="97">
        <v>1.0549325855996531E-2</v>
      </c>
      <c r="W212" s="213">
        <v>0.27800000000000002</v>
      </c>
      <c r="X212" s="97">
        <v>9.5155028372994714E-3</v>
      </c>
      <c r="Y212" s="213">
        <v>0.106</v>
      </c>
      <c r="Z212" s="97">
        <v>6.5423671637353902E-3</v>
      </c>
      <c r="AA212" s="213">
        <v>0.17399999999999999</v>
      </c>
      <c r="AB212" s="97">
        <v>8.0538228135833712E-3</v>
      </c>
      <c r="AC212" s="209">
        <v>8867</v>
      </c>
      <c r="AD212" s="213">
        <v>0.39200000000000002</v>
      </c>
      <c r="AE212" s="97">
        <v>1.0366880930254967E-2</v>
      </c>
      <c r="AF212" s="213">
        <v>0.33699999999999997</v>
      </c>
      <c r="AG212" s="97">
        <v>1.0037803753330382E-2</v>
      </c>
      <c r="AH212" s="213">
        <v>0.11199999999999999</v>
      </c>
      <c r="AI212" s="97">
        <v>6.7012427308636973E-3</v>
      </c>
      <c r="AJ212" s="213">
        <v>0.16</v>
      </c>
      <c r="AK212" s="97">
        <v>7.7877440804348273E-3</v>
      </c>
      <c r="AL212" s="209">
        <v>8853</v>
      </c>
      <c r="AM212" s="213">
        <v>0.245</v>
      </c>
      <c r="AN212" s="97">
        <v>9.1413873826699747E-3</v>
      </c>
      <c r="AO212" s="213">
        <v>0.31699999999999995</v>
      </c>
      <c r="AP212" s="97">
        <v>9.8891049241212961E-3</v>
      </c>
      <c r="AQ212" s="213">
        <v>0.14500000000000002</v>
      </c>
      <c r="AR212" s="97">
        <v>7.4860543309023002E-3</v>
      </c>
      <c r="AS212" s="213">
        <v>0.29299999999999998</v>
      </c>
      <c r="AT212" s="97">
        <v>9.6732129372762449E-3</v>
      </c>
    </row>
    <row r="213" spans="1:46">
      <c r="A213" s="45" t="s">
        <v>432</v>
      </c>
      <c r="B213" s="206">
        <v>1979</v>
      </c>
      <c r="C213" s="212">
        <v>0.113</v>
      </c>
      <c r="D213" s="94">
        <v>1.4261770176601274E-2</v>
      </c>
      <c r="E213" s="212">
        <v>0.17199999999999999</v>
      </c>
      <c r="F213" s="94">
        <v>1.6974935541793384E-2</v>
      </c>
      <c r="G213" s="212">
        <v>0.69699999999999995</v>
      </c>
      <c r="H213" s="94">
        <v>2.0647482298883774E-2</v>
      </c>
      <c r="I213" s="212">
        <v>1.7999999999999999E-2</v>
      </c>
      <c r="J213" s="94">
        <v>6.1272960434247447E-3</v>
      </c>
      <c r="K213" s="206">
        <v>1984</v>
      </c>
      <c r="L213" s="212">
        <v>0.20799999999999999</v>
      </c>
      <c r="M213" s="94">
        <v>1.8224994969946607E-2</v>
      </c>
      <c r="N213" s="212">
        <v>0.434</v>
      </c>
      <c r="O213" s="94">
        <v>2.2232605686554458E-2</v>
      </c>
      <c r="P213" s="212">
        <v>0.27</v>
      </c>
      <c r="Q213" s="94">
        <v>1.9925043799832422E-2</v>
      </c>
      <c r="R213" s="212">
        <v>8.6999999999999994E-2</v>
      </c>
      <c r="S213" s="94">
        <v>1.269648027309781E-2</v>
      </c>
      <c r="T213" s="206">
        <v>1986</v>
      </c>
      <c r="U213" s="212">
        <v>0.219</v>
      </c>
      <c r="V213" s="94">
        <v>1.855894383417829E-2</v>
      </c>
      <c r="W213" s="212">
        <v>0.36599999999999999</v>
      </c>
      <c r="X213" s="94">
        <v>2.160011689792303E-2</v>
      </c>
      <c r="Y213" s="212">
        <v>0.23100000000000001</v>
      </c>
      <c r="Z213" s="94">
        <v>1.8911569197501733E-2</v>
      </c>
      <c r="AA213" s="212">
        <v>0.184</v>
      </c>
      <c r="AB213" s="94">
        <v>1.7395489954830399E-2</v>
      </c>
      <c r="AC213" s="206">
        <v>1983</v>
      </c>
      <c r="AD213" s="212">
        <v>0.23200000000000001</v>
      </c>
      <c r="AE213" s="94">
        <v>1.8954286892245192E-2</v>
      </c>
      <c r="AF213" s="212">
        <v>0.35199999999999998</v>
      </c>
      <c r="AG213" s="94">
        <v>2.1432545391067773E-2</v>
      </c>
      <c r="AH213" s="212">
        <v>0.23599999999999999</v>
      </c>
      <c r="AI213" s="94">
        <v>1.9066504830662426E-2</v>
      </c>
      <c r="AJ213" s="212">
        <v>0.18</v>
      </c>
      <c r="AK213" s="94">
        <v>1.7261531587788474E-2</v>
      </c>
      <c r="AL213" s="206">
        <v>1983</v>
      </c>
      <c r="AM213" s="212">
        <v>0.152</v>
      </c>
      <c r="AN213" s="94">
        <v>1.6138747587320298E-2</v>
      </c>
      <c r="AO213" s="212">
        <v>0.35199999999999998</v>
      </c>
      <c r="AP213" s="94">
        <v>2.1432545391067773E-2</v>
      </c>
      <c r="AQ213" s="212">
        <v>0.245</v>
      </c>
      <c r="AR213" s="94">
        <v>1.9310538736243974E-2</v>
      </c>
      <c r="AS213" s="212">
        <v>0.251</v>
      </c>
      <c r="AT213" s="94">
        <v>1.9466894733485177E-2</v>
      </c>
    </row>
    <row r="214" spans="1:46">
      <c r="A214" s="49" t="s">
        <v>433</v>
      </c>
      <c r="B214" s="209">
        <v>132</v>
      </c>
      <c r="C214" s="213">
        <v>8.5000000000000006E-2</v>
      </c>
      <c r="D214" s="97">
        <v>5.0804382276510976E-2</v>
      </c>
      <c r="E214" s="213">
        <v>0.105</v>
      </c>
      <c r="F214" s="97">
        <v>5.504489383095755E-2</v>
      </c>
      <c r="G214" s="213">
        <v>0.79100000000000004</v>
      </c>
      <c r="H214" s="97">
        <v>7.0757868370178237E-2</v>
      </c>
      <c r="I214" s="213">
        <v>0.02</v>
      </c>
      <c r="J214" s="97">
        <v>3.11323707162105E-2</v>
      </c>
      <c r="K214" s="209">
        <v>133</v>
      </c>
      <c r="L214" s="213">
        <v>6.0432616350392362E-2</v>
      </c>
      <c r="M214" s="97">
        <v>4.452463965955672E-2</v>
      </c>
      <c r="N214" s="213">
        <v>0.50674498721143513</v>
      </c>
      <c r="O214" s="97">
        <v>8.5428438998558134E-2</v>
      </c>
      <c r="P214" s="213">
        <v>0.3740947681736958</v>
      </c>
      <c r="Q214" s="97">
        <v>8.2843627354128618E-2</v>
      </c>
      <c r="R214" s="213">
        <v>5.8727628264476167E-2</v>
      </c>
      <c r="S214" s="97">
        <v>4.4058119274257727E-2</v>
      </c>
      <c r="T214" s="209">
        <v>133</v>
      </c>
      <c r="U214" s="213">
        <v>5.9681920474584586E-2</v>
      </c>
      <c r="V214" s="97">
        <v>4.432006105323482E-2</v>
      </c>
      <c r="W214" s="213">
        <v>0.43213672513368551</v>
      </c>
      <c r="X214" s="97">
        <v>8.4690864184504486E-2</v>
      </c>
      <c r="Y214" s="213">
        <v>0.2576235286370453</v>
      </c>
      <c r="Z214" s="97">
        <v>7.5383982630729374E-2</v>
      </c>
      <c r="AA214" s="213">
        <v>0.25055782575468399</v>
      </c>
      <c r="AB214" s="97">
        <v>7.474705300193997E-2</v>
      </c>
      <c r="AC214" s="209">
        <v>133</v>
      </c>
      <c r="AD214" s="213">
        <v>9.7000000000000003E-2</v>
      </c>
      <c r="AE214" s="97">
        <v>5.320015600318645E-2</v>
      </c>
      <c r="AF214" s="213">
        <v>0.433</v>
      </c>
      <c r="AG214" s="97">
        <v>8.4709775830216022E-2</v>
      </c>
      <c r="AH214" s="213">
        <v>0.27100000000000002</v>
      </c>
      <c r="AI214" s="97">
        <v>7.6526135762003095E-2</v>
      </c>
      <c r="AJ214" s="213">
        <v>0.2</v>
      </c>
      <c r="AK214" s="97">
        <v>6.9445930697528455E-2</v>
      </c>
      <c r="AL214" s="209">
        <v>133</v>
      </c>
      <c r="AM214" s="213">
        <v>0.112</v>
      </c>
      <c r="AN214" s="97">
        <v>5.6184928322422834E-2</v>
      </c>
      <c r="AO214" s="213">
        <v>0.36199999999999999</v>
      </c>
      <c r="AP214" s="97">
        <v>8.2311820148784229E-2</v>
      </c>
      <c r="AQ214" s="213">
        <v>0.19800000000000001</v>
      </c>
      <c r="AR214" s="97">
        <v>6.9206985089813239E-2</v>
      </c>
      <c r="AS214" s="213">
        <v>0.32800000000000001</v>
      </c>
      <c r="AT214" s="97">
        <v>8.0530778155551541E-2</v>
      </c>
    </row>
    <row r="215" spans="1:46">
      <c r="A215" s="45" t="s">
        <v>434</v>
      </c>
      <c r="B215" s="206">
        <v>3061</v>
      </c>
      <c r="C215" s="212">
        <v>0.13800000000000001</v>
      </c>
      <c r="D215" s="94">
        <v>1.2477598412288403E-2</v>
      </c>
      <c r="E215" s="212">
        <v>0.17199999999999999</v>
      </c>
      <c r="F215" s="94">
        <v>1.3646510207249185E-2</v>
      </c>
      <c r="G215" s="212">
        <v>0.68</v>
      </c>
      <c r="H215" s="94">
        <v>1.68549908870811E-2</v>
      </c>
      <c r="I215" s="212">
        <v>0.01</v>
      </c>
      <c r="J215" s="94">
        <v>3.7063992957703279E-3</v>
      </c>
      <c r="K215" s="206">
        <v>3067</v>
      </c>
      <c r="L215" s="212">
        <v>0.26729777566076846</v>
      </c>
      <c r="M215" s="94">
        <v>1.5977460732642876E-2</v>
      </c>
      <c r="N215" s="212">
        <v>0.40460302465579134</v>
      </c>
      <c r="O215" s="94">
        <v>1.7714517051561896E-2</v>
      </c>
      <c r="P215" s="212">
        <v>0.25742336724524295</v>
      </c>
      <c r="Q215" s="94">
        <v>1.578551142890252E-2</v>
      </c>
      <c r="R215" s="212">
        <v>7.0675832438221523E-2</v>
      </c>
      <c r="S215" s="94">
        <v>9.2830311446941323E-3</v>
      </c>
      <c r="T215" s="206">
        <v>3077</v>
      </c>
      <c r="U215" s="212">
        <v>0.40105645175615251</v>
      </c>
      <c r="V215" s="94">
        <v>1.7660492425121795E-2</v>
      </c>
      <c r="W215" s="212">
        <v>0.30774037998017612</v>
      </c>
      <c r="X215" s="94">
        <v>1.6634457217255438E-2</v>
      </c>
      <c r="Y215" s="212">
        <v>0.14049715606812185</v>
      </c>
      <c r="Z215" s="94">
        <v>1.2538448375757493E-2</v>
      </c>
      <c r="AA215" s="212">
        <v>0.15070601219557475</v>
      </c>
      <c r="AB215" s="94">
        <v>1.2906690873760975E-2</v>
      </c>
      <c r="AC215" s="206">
        <v>3072</v>
      </c>
      <c r="AD215" s="212">
        <v>0.35599999999999998</v>
      </c>
      <c r="AE215" s="94">
        <v>1.7268547244787529E-2</v>
      </c>
      <c r="AF215" s="212">
        <v>0.34899999999999998</v>
      </c>
      <c r="AG215" s="94">
        <v>1.7190823066467645E-2</v>
      </c>
      <c r="AH215" s="212">
        <v>0.14500000000000002</v>
      </c>
      <c r="AI215" s="94">
        <v>1.2713843157240869E-2</v>
      </c>
      <c r="AJ215" s="212">
        <v>0.15</v>
      </c>
      <c r="AK215" s="94">
        <v>1.2892391907204426E-2</v>
      </c>
      <c r="AL215" s="206">
        <v>3077</v>
      </c>
      <c r="AM215" s="212">
        <v>0.24299999999999999</v>
      </c>
      <c r="AN215" s="94">
        <v>1.5460995257068538E-2</v>
      </c>
      <c r="AO215" s="212">
        <v>0.33599999999999997</v>
      </c>
      <c r="AP215" s="94">
        <v>1.7021810158543621E-2</v>
      </c>
      <c r="AQ215" s="212">
        <v>0.17699999999999999</v>
      </c>
      <c r="AR215" s="94">
        <v>1.376492589251172E-2</v>
      </c>
      <c r="AS215" s="212">
        <v>0.24399999999999999</v>
      </c>
      <c r="AT215" s="94">
        <v>1.5482463099723193E-2</v>
      </c>
    </row>
    <row r="216" spans="1:46">
      <c r="A216" s="49" t="s">
        <v>435</v>
      </c>
      <c r="B216" s="209">
        <v>2472</v>
      </c>
      <c r="C216" s="213">
        <v>0.154</v>
      </c>
      <c r="D216" s="97">
        <v>1.452925810226335E-2</v>
      </c>
      <c r="E216" s="213">
        <v>0.16900000000000001</v>
      </c>
      <c r="F216" s="97">
        <v>1.5081507554287625E-2</v>
      </c>
      <c r="G216" s="213">
        <v>0.67</v>
      </c>
      <c r="H216" s="97">
        <v>1.89034320459349E-2</v>
      </c>
      <c r="I216" s="213">
        <v>8.0000000000000002E-3</v>
      </c>
      <c r="J216" s="97">
        <v>3.7527547943518157E-3</v>
      </c>
      <c r="K216" s="209">
        <v>2476</v>
      </c>
      <c r="L216" s="213">
        <v>0.28899999999999998</v>
      </c>
      <c r="M216" s="97">
        <v>1.821123812506165E-2</v>
      </c>
      <c r="N216" s="213">
        <v>0.40500000000000003</v>
      </c>
      <c r="O216" s="97">
        <v>1.9715888853060998E-2</v>
      </c>
      <c r="P216" s="213">
        <v>0.23199999999999998</v>
      </c>
      <c r="Q216" s="97">
        <v>1.6963314471640983E-2</v>
      </c>
      <c r="R216" s="213">
        <v>7.3999999999999996E-2</v>
      </c>
      <c r="S216" s="97">
        <v>1.0557747067654817E-2</v>
      </c>
      <c r="T216" s="209">
        <v>2487</v>
      </c>
      <c r="U216" s="213">
        <v>0.47199999999999998</v>
      </c>
      <c r="V216" s="97">
        <v>2.0004757195878825E-2</v>
      </c>
      <c r="W216" s="213">
        <v>0.27700000000000002</v>
      </c>
      <c r="X216" s="97">
        <v>1.7940110883569574E-2</v>
      </c>
      <c r="Y216" s="213">
        <v>9.1999999999999998E-2</v>
      </c>
      <c r="Z216" s="97">
        <v>1.1618876110586903E-2</v>
      </c>
      <c r="AA216" s="213">
        <v>0.159</v>
      </c>
      <c r="AB216" s="97">
        <v>1.4673874449140067E-2</v>
      </c>
      <c r="AC216" s="209">
        <v>2483</v>
      </c>
      <c r="AD216" s="213">
        <v>0.40699999999999997</v>
      </c>
      <c r="AE216" s="97">
        <v>1.9703422234865518E-2</v>
      </c>
      <c r="AF216" s="213">
        <v>0.35499999999999998</v>
      </c>
      <c r="AG216" s="97">
        <v>1.9193324855621575E-2</v>
      </c>
      <c r="AH216" s="213">
        <v>0.08</v>
      </c>
      <c r="AI216" s="97">
        <v>1.0921879585229206E-2</v>
      </c>
      <c r="AJ216" s="213">
        <v>0.158</v>
      </c>
      <c r="AK216" s="97">
        <v>1.4648375040803234E-2</v>
      </c>
      <c r="AL216" s="209">
        <v>2486</v>
      </c>
      <c r="AM216" s="213">
        <v>0.26500000000000001</v>
      </c>
      <c r="AN216" s="97">
        <v>1.7696789680278859E-2</v>
      </c>
      <c r="AO216" s="213">
        <v>0.33800000000000002</v>
      </c>
      <c r="AP216" s="97">
        <v>1.8962666781890458E-2</v>
      </c>
      <c r="AQ216" s="213">
        <v>0.128</v>
      </c>
      <c r="AR216" s="97">
        <v>1.341702150433067E-2</v>
      </c>
      <c r="AS216" s="213">
        <v>0.26800000000000002</v>
      </c>
      <c r="AT216" s="97">
        <v>1.7760060313930806E-2</v>
      </c>
    </row>
    <row r="217" spans="1:46">
      <c r="A217" s="45" t="s">
        <v>452</v>
      </c>
      <c r="B217" s="206">
        <v>93</v>
      </c>
      <c r="C217" s="212">
        <v>0.16</v>
      </c>
      <c r="D217" s="94">
        <v>7.6989072159048016E-2</v>
      </c>
      <c r="E217" s="212">
        <v>0.23699999999999999</v>
      </c>
      <c r="F217" s="94">
        <v>8.7677487251976119E-2</v>
      </c>
      <c r="G217" s="212">
        <v>0.58499999999999996</v>
      </c>
      <c r="H217" s="94">
        <v>0.10017687248363613</v>
      </c>
      <c r="I217" s="212">
        <v>1.7999999999999999E-2</v>
      </c>
      <c r="J217" s="94">
        <v>3.8765313125761029E-2</v>
      </c>
      <c r="K217" s="206">
        <v>93</v>
      </c>
      <c r="L217" s="212">
        <v>0.36205502077475293</v>
      </c>
      <c r="M217" s="94">
        <v>9.7918167223329078E-2</v>
      </c>
      <c r="N217" s="212">
        <v>0.35690316404566313</v>
      </c>
      <c r="O217" s="94">
        <v>9.7637510807913844E-2</v>
      </c>
      <c r="P217" s="212">
        <v>0.18105816612116477</v>
      </c>
      <c r="Q217" s="94">
        <v>8.0332485533418055E-2</v>
      </c>
      <c r="R217" s="212">
        <v>9.9983649058419694E-2</v>
      </c>
      <c r="S217" s="94">
        <v>6.5144335211899093E-2</v>
      </c>
      <c r="T217" s="206">
        <v>93</v>
      </c>
      <c r="U217" s="212">
        <v>0.40406980236828277</v>
      </c>
      <c r="V217" s="94">
        <v>9.9802015497822943E-2</v>
      </c>
      <c r="W217" s="212">
        <v>0.32337744040034888</v>
      </c>
      <c r="X217" s="94">
        <v>9.5534146873438308E-2</v>
      </c>
      <c r="Y217" s="212">
        <v>0.12638923116698711</v>
      </c>
      <c r="Z217" s="94">
        <v>7.0838801955924471E-2</v>
      </c>
      <c r="AA217" s="212">
        <v>0.14616352606438174</v>
      </c>
      <c r="AB217" s="94">
        <v>7.4588255504356826E-2</v>
      </c>
      <c r="AC217" s="206">
        <v>92</v>
      </c>
      <c r="AD217" s="212">
        <v>0.46500000000000002</v>
      </c>
      <c r="AE217" s="94">
        <v>0.10183216514548628</v>
      </c>
      <c r="AF217" s="212">
        <v>0.26600000000000001</v>
      </c>
      <c r="AG217" s="94">
        <v>9.1221328258070597E-2</v>
      </c>
      <c r="AH217" s="212">
        <v>0.129</v>
      </c>
      <c r="AI217" s="94">
        <v>7.1760633144703392E-2</v>
      </c>
      <c r="AJ217" s="212">
        <v>0.13900000000000001</v>
      </c>
      <c r="AK217" s="94">
        <v>7.3686507018252176E-2</v>
      </c>
      <c r="AL217" s="206">
        <v>93</v>
      </c>
      <c r="AM217" s="212">
        <v>0.34399999999999997</v>
      </c>
      <c r="AN217" s="94">
        <v>9.6885458874516023E-2</v>
      </c>
      <c r="AO217" s="212">
        <v>0.27300000000000002</v>
      </c>
      <c r="AP217" s="94">
        <v>9.1411201775417852E-2</v>
      </c>
      <c r="AQ217" s="212">
        <v>0.16499999999999998</v>
      </c>
      <c r="AR217" s="94">
        <v>7.7815491936571099E-2</v>
      </c>
      <c r="AS217" s="212">
        <v>0.218</v>
      </c>
      <c r="AT217" s="94">
        <v>8.5409734081136821E-2</v>
      </c>
    </row>
    <row r="218" spans="1:46">
      <c r="A218" s="49" t="s">
        <v>172</v>
      </c>
      <c r="B218" s="209">
        <v>244</v>
      </c>
      <c r="C218" s="213">
        <v>7.2999999999999995E-2</v>
      </c>
      <c r="D218" s="97">
        <v>3.4432062267410607E-2</v>
      </c>
      <c r="E218" s="213">
        <v>0.182</v>
      </c>
      <c r="F218" s="97">
        <v>4.9531963864374383E-2</v>
      </c>
      <c r="G218" s="213">
        <v>0.74</v>
      </c>
      <c r="H218" s="97">
        <v>5.5972787184844011E-2</v>
      </c>
      <c r="I218" s="213">
        <v>5.0000000000000001E-3</v>
      </c>
      <c r="J218" s="97">
        <v>1.4377003401733866E-2</v>
      </c>
      <c r="K218" s="209">
        <v>242</v>
      </c>
      <c r="L218" s="213">
        <v>0.29758044439657277</v>
      </c>
      <c r="M218" s="97">
        <v>5.8483263903682588E-2</v>
      </c>
      <c r="N218" s="213">
        <v>0.37844599264279932</v>
      </c>
      <c r="O218" s="97">
        <v>6.1907512559642865E-2</v>
      </c>
      <c r="P218" s="213">
        <v>0.23343710838377713</v>
      </c>
      <c r="Q218" s="97">
        <v>5.4285633471802153E-2</v>
      </c>
      <c r="R218" s="213">
        <v>9.0536454576851236E-2</v>
      </c>
      <c r="S218" s="97">
        <v>3.7772887278994589E-2</v>
      </c>
      <c r="T218" s="209">
        <v>246</v>
      </c>
      <c r="U218" s="213">
        <v>0.50224603006801272</v>
      </c>
      <c r="V218" s="97">
        <v>6.3244935352812184E-2</v>
      </c>
      <c r="W218" s="213">
        <v>0.26869063245506963</v>
      </c>
      <c r="X218" s="97">
        <v>5.6312614318057563E-2</v>
      </c>
      <c r="Y218" s="213">
        <v>4.7596781862587603E-2</v>
      </c>
      <c r="Z218" s="97">
        <v>2.8796758299761922E-2</v>
      </c>
      <c r="AA218" s="213">
        <v>0.18146655561433042</v>
      </c>
      <c r="AB218" s="97">
        <v>4.9275925789995699E-2</v>
      </c>
      <c r="AC218" s="209">
        <v>245</v>
      </c>
      <c r="AD218" s="213">
        <v>0.41799999999999998</v>
      </c>
      <c r="AE218" s="97">
        <v>6.2541911657272672E-2</v>
      </c>
      <c r="AF218" s="213">
        <v>0.375</v>
      </c>
      <c r="AG218" s="97">
        <v>6.1425237914369837E-2</v>
      </c>
      <c r="AH218" s="213">
        <v>6.7000000000000004E-2</v>
      </c>
      <c r="AI218" s="97">
        <v>3.3168998806635173E-2</v>
      </c>
      <c r="AJ218" s="213">
        <v>0.13900000000000001</v>
      </c>
      <c r="AK218" s="97">
        <v>4.460129293728865E-2</v>
      </c>
      <c r="AL218" s="209">
        <v>245</v>
      </c>
      <c r="AM218" s="213">
        <v>0.216</v>
      </c>
      <c r="AN218" s="97">
        <v>5.2551683233401147E-2</v>
      </c>
      <c r="AO218" s="213">
        <v>0.34099999999999997</v>
      </c>
      <c r="AP218" s="97">
        <v>6.0190422985033576E-2</v>
      </c>
      <c r="AQ218" s="213">
        <v>0.105</v>
      </c>
      <c r="AR218" s="97">
        <v>3.9868778242337921E-2</v>
      </c>
      <c r="AS218" s="213">
        <v>0.33700000000000002</v>
      </c>
      <c r="AT218" s="97">
        <v>6.0023792616519758E-2</v>
      </c>
    </row>
    <row r="219" spans="1:46" ht="25.5">
      <c r="A219" s="45" t="s">
        <v>436</v>
      </c>
      <c r="B219" s="206">
        <v>96</v>
      </c>
      <c r="C219" s="212">
        <v>9.1999999999999998E-2</v>
      </c>
      <c r="D219" s="94">
        <v>6.2156826688626897E-2</v>
      </c>
      <c r="E219" s="212">
        <v>0.13</v>
      </c>
      <c r="F219" s="94">
        <v>7.037981528819183E-2</v>
      </c>
      <c r="G219" s="212">
        <v>0.76300000000000001</v>
      </c>
      <c r="H219" s="94">
        <v>8.6314274508913061E-2</v>
      </c>
      <c r="I219" s="212">
        <v>1.4999999999999999E-2</v>
      </c>
      <c r="J219" s="94">
        <v>3.6450865558995987E-2</v>
      </c>
      <c r="K219" s="206">
        <v>95</v>
      </c>
      <c r="L219" s="212">
        <v>0.33544885083932924</v>
      </c>
      <c r="M219" s="94">
        <v>9.536040371461052E-2</v>
      </c>
      <c r="N219" s="212">
        <v>0.44665045870986486</v>
      </c>
      <c r="O219" s="94">
        <v>9.9975587712519506E-2</v>
      </c>
      <c r="P219" s="212">
        <v>0.18391403488895078</v>
      </c>
      <c r="Q219" s="94">
        <v>7.9898957148767019E-2</v>
      </c>
      <c r="R219" s="212">
        <v>3.3986655561856122E-2</v>
      </c>
      <c r="S219" s="94">
        <v>4.4958343408108045E-2</v>
      </c>
      <c r="T219" s="206">
        <v>97</v>
      </c>
      <c r="U219" s="212">
        <v>0.6804185041693771</v>
      </c>
      <c r="V219" s="94">
        <v>9.3337754040107287E-2</v>
      </c>
      <c r="W219" s="212">
        <v>0.19688499929975223</v>
      </c>
      <c r="X219" s="94">
        <v>8.089957302101243E-2</v>
      </c>
      <c r="Y219" s="212">
        <v>3.2478013673780941E-2</v>
      </c>
      <c r="Z219" s="94">
        <v>4.3778639758786347E-2</v>
      </c>
      <c r="AA219" s="212">
        <v>9.0218482857090304E-2</v>
      </c>
      <c r="AB219" s="94">
        <v>6.1375775982433642E-2</v>
      </c>
      <c r="AC219" s="206">
        <v>97</v>
      </c>
      <c r="AD219" s="212">
        <v>0.47099999999999997</v>
      </c>
      <c r="AE219" s="94">
        <v>9.9349227978887053E-2</v>
      </c>
      <c r="AF219" s="212">
        <v>0.441</v>
      </c>
      <c r="AG219" s="94">
        <v>9.8862693644616639E-2</v>
      </c>
      <c r="AH219" s="212">
        <v>1.6E-2</v>
      </c>
      <c r="AI219" s="94">
        <v>3.6658178249750435E-2</v>
      </c>
      <c r="AJ219" s="212">
        <v>7.2999999999999995E-2</v>
      </c>
      <c r="AK219" s="94">
        <v>5.6926884756032338E-2</v>
      </c>
      <c r="AL219" s="206">
        <v>96</v>
      </c>
      <c r="AM219" s="212">
        <v>0.25600000000000001</v>
      </c>
      <c r="AN219" s="94">
        <v>8.8347410239349972E-2</v>
      </c>
      <c r="AO219" s="212">
        <v>0.36899999999999999</v>
      </c>
      <c r="AP219" s="94">
        <v>9.6785210109809644E-2</v>
      </c>
      <c r="AQ219" s="212">
        <v>9.4E-2</v>
      </c>
      <c r="AR219" s="94">
        <v>6.2637733803195664E-2</v>
      </c>
      <c r="AS219" s="212">
        <v>0.28100000000000003</v>
      </c>
      <c r="AT219" s="94">
        <v>9.0730180733866059E-2</v>
      </c>
    </row>
    <row r="220" spans="1:46" ht="25.5">
      <c r="A220" s="49" t="s">
        <v>437</v>
      </c>
      <c r="B220" s="209">
        <v>115</v>
      </c>
      <c r="C220" s="213">
        <v>5.8000000000000003E-2</v>
      </c>
      <c r="D220" s="97">
        <v>4.7650329860978495E-2</v>
      </c>
      <c r="E220" s="213">
        <v>0.14699999999999999</v>
      </c>
      <c r="F220" s="97">
        <v>6.7019947975672262E-2</v>
      </c>
      <c r="G220" s="213">
        <v>0.79500000000000004</v>
      </c>
      <c r="H220" s="97">
        <v>7.5309355000186609E-2</v>
      </c>
      <c r="I220" s="213">
        <v>0</v>
      </c>
      <c r="J220" s="97">
        <v>2.3567715249216942E-2</v>
      </c>
      <c r="K220" s="209">
        <v>114</v>
      </c>
      <c r="L220" s="213">
        <v>0.16218387247216864</v>
      </c>
      <c r="M220" s="97">
        <v>6.9741911823010372E-2</v>
      </c>
      <c r="N220" s="213">
        <v>0.36535999531698937</v>
      </c>
      <c r="O220" s="97">
        <v>8.8887712575640071E-2</v>
      </c>
      <c r="P220" s="213">
        <v>0.31824269499165592</v>
      </c>
      <c r="Q220" s="97">
        <v>8.6193717688542157E-2</v>
      </c>
      <c r="R220" s="213">
        <v>0.15421343721918682</v>
      </c>
      <c r="S220" s="97">
        <v>6.849485597664573E-2</v>
      </c>
      <c r="T220" s="209">
        <v>116</v>
      </c>
      <c r="U220" s="213">
        <v>0.34774147641419362</v>
      </c>
      <c r="V220" s="97">
        <v>8.7242400628022576E-2</v>
      </c>
      <c r="W220" s="213">
        <v>0.2811802070094086</v>
      </c>
      <c r="X220" s="97">
        <v>8.2715745373440008E-2</v>
      </c>
      <c r="Y220" s="213">
        <v>4.9624960344655092E-2</v>
      </c>
      <c r="Z220" s="97">
        <v>4.4892263704641312E-2</v>
      </c>
      <c r="AA220" s="213">
        <v>0.32145335623174354</v>
      </c>
      <c r="AB220" s="97">
        <v>8.5675927241626273E-2</v>
      </c>
      <c r="AC220" s="209">
        <v>115</v>
      </c>
      <c r="AD220" s="213">
        <v>0.34899999999999998</v>
      </c>
      <c r="AE220" s="97">
        <v>8.767895569090689E-2</v>
      </c>
      <c r="AF220" s="213">
        <v>0.32400000000000001</v>
      </c>
      <c r="AG220" s="97">
        <v>8.6203086670891646E-2</v>
      </c>
      <c r="AH220" s="213">
        <v>8.3999999999999991E-2</v>
      </c>
      <c r="AI220" s="97">
        <v>5.4505411684904359E-2</v>
      </c>
      <c r="AJ220" s="213">
        <v>0.24299999999999999</v>
      </c>
      <c r="AK220" s="97">
        <v>7.9561115991380521E-2</v>
      </c>
      <c r="AL220" s="209">
        <v>116</v>
      </c>
      <c r="AM220" s="213">
        <v>0.09</v>
      </c>
      <c r="AN220" s="97">
        <v>5.5653657827941815E-2</v>
      </c>
      <c r="AO220" s="213">
        <v>0.27200000000000002</v>
      </c>
      <c r="AP220" s="97">
        <v>8.193978276759098E-2</v>
      </c>
      <c r="AQ220" s="213">
        <v>0.155</v>
      </c>
      <c r="AR220" s="97">
        <v>6.8014152938928818E-2</v>
      </c>
      <c r="AS220" s="213">
        <v>0.48299999999999998</v>
      </c>
      <c r="AT220" s="97">
        <v>9.1237774624979298E-2</v>
      </c>
    </row>
    <row r="221" spans="1:46">
      <c r="A221" s="45" t="s">
        <v>453</v>
      </c>
      <c r="B221" s="206">
        <v>539</v>
      </c>
      <c r="C221" s="212">
        <v>0.20399999999999999</v>
      </c>
      <c r="D221" s="94">
        <v>3.4722800102477108E-2</v>
      </c>
      <c r="E221" s="212">
        <v>0.2</v>
      </c>
      <c r="F221" s="94">
        <v>3.4472727416127474E-2</v>
      </c>
      <c r="G221" s="212">
        <v>0.59199999999999997</v>
      </c>
      <c r="H221" s="94">
        <v>4.2192249689036107E-2</v>
      </c>
      <c r="I221" s="212">
        <v>5.0000000000000001E-3</v>
      </c>
      <c r="J221" s="94">
        <v>7.9462505857587594E-3</v>
      </c>
      <c r="K221" s="206">
        <v>542</v>
      </c>
      <c r="L221" s="212">
        <v>0.4154639371897359</v>
      </c>
      <c r="M221" s="94">
        <v>4.2189002516668635E-2</v>
      </c>
      <c r="N221" s="212">
        <v>0.38664305077248173</v>
      </c>
      <c r="O221" s="94">
        <v>4.1698181883917669E-2</v>
      </c>
      <c r="P221" s="212">
        <v>0.16158872320352882</v>
      </c>
      <c r="Q221" s="94">
        <v>3.16979381502119E-2</v>
      </c>
      <c r="R221" s="212">
        <v>3.6304288834253795E-2</v>
      </c>
      <c r="S221" s="94">
        <v>1.6712420343416825E-2</v>
      </c>
      <c r="T221" s="206">
        <v>544</v>
      </c>
      <c r="U221" s="212">
        <v>0.56207723226615136</v>
      </c>
      <c r="V221" s="94">
        <v>4.2392196344996691E-2</v>
      </c>
      <c r="W221" s="212">
        <v>0.30332145807379463</v>
      </c>
      <c r="X221" s="94">
        <v>3.9326464172708304E-2</v>
      </c>
      <c r="Y221" s="212">
        <v>7.088858335760001E-2</v>
      </c>
      <c r="Z221" s="94">
        <v>2.2367486030622212E-2</v>
      </c>
      <c r="AA221" s="212">
        <v>6.3712726302454351E-2</v>
      </c>
      <c r="AB221" s="94">
        <v>2.1345618797636811E-2</v>
      </c>
      <c r="AC221" s="206">
        <v>542</v>
      </c>
      <c r="AD221" s="212">
        <v>0.44500000000000001</v>
      </c>
      <c r="AE221" s="94">
        <v>4.2540147810759495E-2</v>
      </c>
      <c r="AF221" s="212">
        <v>0.40400000000000003</v>
      </c>
      <c r="AG221" s="94">
        <v>4.2011557658048482E-2</v>
      </c>
      <c r="AH221" s="212">
        <v>7.1000000000000008E-2</v>
      </c>
      <c r="AI221" s="94">
        <v>2.2425406490090543E-2</v>
      </c>
      <c r="AJ221" s="212">
        <v>0.08</v>
      </c>
      <c r="AK221" s="94">
        <v>2.3623287065679545E-2</v>
      </c>
      <c r="AL221" s="206">
        <v>544</v>
      </c>
      <c r="AM221" s="212">
        <v>0.29699999999999999</v>
      </c>
      <c r="AN221" s="94">
        <v>3.9094718934374051E-2</v>
      </c>
      <c r="AO221" s="212">
        <v>0.376</v>
      </c>
      <c r="AP221" s="94">
        <v>4.1403096602173207E-2</v>
      </c>
      <c r="AQ221" s="212">
        <v>0.14000000000000001</v>
      </c>
      <c r="AR221" s="94">
        <v>2.9876273548884998E-2</v>
      </c>
      <c r="AS221" s="212">
        <v>0.186</v>
      </c>
      <c r="AT221" s="94">
        <v>3.3400697634008825E-2</v>
      </c>
    </row>
    <row r="222" spans="1:46" ht="25.5">
      <c r="A222" s="49" t="s">
        <v>438</v>
      </c>
      <c r="B222" s="209">
        <v>82</v>
      </c>
      <c r="C222" s="213">
        <v>0.188</v>
      </c>
      <c r="D222" s="97">
        <v>8.6669827498263435E-2</v>
      </c>
      <c r="E222" s="213">
        <v>0.105</v>
      </c>
      <c r="F222" s="97">
        <v>7.0924597919630475E-2</v>
      </c>
      <c r="G222" s="213">
        <v>0.70799999999999996</v>
      </c>
      <c r="H222" s="97">
        <v>9.8987188215914471E-2</v>
      </c>
      <c r="I222" s="213">
        <v>0</v>
      </c>
      <c r="J222" s="97">
        <v>3.2504011252172456E-2</v>
      </c>
      <c r="K222" s="209">
        <v>82</v>
      </c>
      <c r="L222" s="213">
        <v>0.23371401672084219</v>
      </c>
      <c r="M222" s="97">
        <v>9.2895162477927964E-2</v>
      </c>
      <c r="N222" s="213">
        <v>0.39360750596582172</v>
      </c>
      <c r="O222" s="97">
        <v>0.10559006156080936</v>
      </c>
      <c r="P222" s="213">
        <v>0.35524446711476432</v>
      </c>
      <c r="Q222" s="97">
        <v>0.10364288631079857</v>
      </c>
      <c r="R222" s="213">
        <v>1.7434010198572103E-2</v>
      </c>
      <c r="S222" s="97">
        <v>4.2200303153712031E-2</v>
      </c>
      <c r="T222" s="209">
        <v>81</v>
      </c>
      <c r="U222" s="213">
        <v>0.51897316015544048</v>
      </c>
      <c r="V222" s="97">
        <v>0.10839429169924815</v>
      </c>
      <c r="W222" s="213">
        <v>0.29619163966941298</v>
      </c>
      <c r="X222" s="97">
        <v>9.9948130035379001E-2</v>
      </c>
      <c r="Y222" s="213">
        <v>0.1171152863080355</v>
      </c>
      <c r="Z222" s="97">
        <v>7.4161146402293154E-2</v>
      </c>
      <c r="AA222" s="213">
        <v>6.7719913867111514E-2</v>
      </c>
      <c r="AB222" s="97">
        <v>6.1475007323509225E-2</v>
      </c>
      <c r="AC222" s="209">
        <v>82</v>
      </c>
      <c r="AD222" s="213">
        <v>0.34300000000000003</v>
      </c>
      <c r="AE222" s="97">
        <v>0.10288639168579967</v>
      </c>
      <c r="AF222" s="213">
        <v>0.46099999999999997</v>
      </c>
      <c r="AG222" s="97">
        <v>0.10753413691514593</v>
      </c>
      <c r="AH222" s="213">
        <v>0.11</v>
      </c>
      <c r="AI222" s="97">
        <v>7.2085154580264849E-2</v>
      </c>
      <c r="AJ222" s="213">
        <v>8.5999999999999993E-2</v>
      </c>
      <c r="AK222" s="97">
        <v>6.6184037836182638E-2</v>
      </c>
      <c r="AL222" s="209">
        <v>82</v>
      </c>
      <c r="AM222" s="213">
        <v>5.8000000000000003E-2</v>
      </c>
      <c r="AN222" s="97">
        <v>5.8024356653127745E-2</v>
      </c>
      <c r="AO222" s="213">
        <v>0.45499999999999996</v>
      </c>
      <c r="AP222" s="97">
        <v>0.10743499740441732</v>
      </c>
      <c r="AQ222" s="213">
        <v>0.26400000000000001</v>
      </c>
      <c r="AR222" s="97">
        <v>9.6295218153364698E-2</v>
      </c>
      <c r="AS222" s="213">
        <v>0.223</v>
      </c>
      <c r="AT222" s="97">
        <v>9.1560779439909507E-2</v>
      </c>
    </row>
    <row r="223" spans="1:46">
      <c r="A223" s="45" t="s">
        <v>439</v>
      </c>
      <c r="B223" s="206">
        <v>79</v>
      </c>
      <c r="C223" s="212">
        <v>0.187</v>
      </c>
      <c r="D223" s="94">
        <v>8.8152731083430358E-2</v>
      </c>
      <c r="E223" s="212">
        <v>3.2000000000000001E-2</v>
      </c>
      <c r="F223" s="94">
        <v>4.9856688250894093E-2</v>
      </c>
      <c r="G223" s="212">
        <v>0.78100000000000003</v>
      </c>
      <c r="H223" s="94">
        <v>9.274042241661859E-2</v>
      </c>
      <c r="I223" s="212">
        <v>0</v>
      </c>
      <c r="J223" s="94">
        <v>3.3664360151118053E-2</v>
      </c>
      <c r="K223" s="206">
        <v>80</v>
      </c>
      <c r="L223" s="212">
        <v>0.22384877446585061</v>
      </c>
      <c r="M223" s="94">
        <v>9.2795316503425096E-2</v>
      </c>
      <c r="N223" s="212">
        <v>0.41432344813057187</v>
      </c>
      <c r="O223" s="94">
        <v>0.10764624071184116</v>
      </c>
      <c r="P223" s="212">
        <v>0.32794311586688668</v>
      </c>
      <c r="Q223" s="94">
        <v>0.10308311212038099</v>
      </c>
      <c r="R223" s="212">
        <v>3.3884661536690758E-2</v>
      </c>
      <c r="S223" s="94">
        <v>5.0206996747193831E-2</v>
      </c>
      <c r="T223" s="206">
        <v>80</v>
      </c>
      <c r="U223" s="212">
        <v>0.33284600816105125</v>
      </c>
      <c r="V223" s="94">
        <v>0.10343094818020267</v>
      </c>
      <c r="W223" s="212">
        <v>0.41316612546253784</v>
      </c>
      <c r="X223" s="94">
        <v>0.10760617951940207</v>
      </c>
      <c r="Y223" s="212">
        <v>0.20262315309408468</v>
      </c>
      <c r="Z223" s="94">
        <v>8.991760038533099E-2</v>
      </c>
      <c r="AA223" s="212">
        <v>5.1364713282326308E-2</v>
      </c>
      <c r="AB223" s="94">
        <v>5.6669002605010226E-2</v>
      </c>
      <c r="AC223" s="206">
        <v>78</v>
      </c>
      <c r="AD223" s="212">
        <v>0.44700000000000001</v>
      </c>
      <c r="AE223" s="94">
        <v>0.10986873868258422</v>
      </c>
      <c r="AF223" s="212">
        <v>0.373</v>
      </c>
      <c r="AG223" s="94">
        <v>0.10715982625456359</v>
      </c>
      <c r="AH223" s="212">
        <v>0.114</v>
      </c>
      <c r="AI223" s="94">
        <v>7.4958737845503359E-2</v>
      </c>
      <c r="AJ223" s="212">
        <v>6.6000000000000003E-2</v>
      </c>
      <c r="AK223" s="94">
        <v>6.2302172863070382E-2</v>
      </c>
      <c r="AL223" s="206">
        <v>80</v>
      </c>
      <c r="AM223" s="212">
        <v>0.22600000000000001</v>
      </c>
      <c r="AN223" s="94">
        <v>9.3070340750393998E-2</v>
      </c>
      <c r="AO223" s="212">
        <v>0.36</v>
      </c>
      <c r="AP223" s="94">
        <v>0.10515798142890086</v>
      </c>
      <c r="AQ223" s="212">
        <v>0.23799999999999999</v>
      </c>
      <c r="AR223" s="94">
        <v>9.4551036478095637E-2</v>
      </c>
      <c r="AS223" s="212">
        <v>0.17699999999999999</v>
      </c>
      <c r="AT223" s="94">
        <v>8.6015093233120357E-2</v>
      </c>
    </row>
    <row r="224" spans="1:46">
      <c r="A224" s="49" t="s">
        <v>440</v>
      </c>
      <c r="B224" s="209">
        <v>79</v>
      </c>
      <c r="C224" s="213">
        <v>0.154</v>
      </c>
      <c r="D224" s="97">
        <v>8.2591999375170699E-2</v>
      </c>
      <c r="E224" s="213">
        <v>0.29699999999999999</v>
      </c>
      <c r="F224" s="97">
        <v>0.10123746202307518</v>
      </c>
      <c r="G224" s="213">
        <v>0.54900000000000004</v>
      </c>
      <c r="H224" s="97">
        <v>0.10928570829094493</v>
      </c>
      <c r="I224" s="213">
        <v>0</v>
      </c>
      <c r="J224" s="97">
        <v>3.3664360151118053E-2</v>
      </c>
      <c r="K224" s="209">
        <v>79</v>
      </c>
      <c r="L224" s="213">
        <v>0.4993266123804081</v>
      </c>
      <c r="M224" s="97">
        <v>0.1097641698077904</v>
      </c>
      <c r="N224" s="213">
        <v>0.41117671959582924</v>
      </c>
      <c r="O224" s="97">
        <v>0.10818381099671406</v>
      </c>
      <c r="P224" s="213">
        <v>6.0949198994741098E-2</v>
      </c>
      <c r="Q224" s="97">
        <v>6.0267078317437967E-2</v>
      </c>
      <c r="R224" s="213">
        <v>2.8547469029021208E-2</v>
      </c>
      <c r="S224" s="97">
        <v>4.8415698753011722E-2</v>
      </c>
      <c r="T224" s="209">
        <v>79</v>
      </c>
      <c r="U224" s="213">
        <v>0.55202579963806808</v>
      </c>
      <c r="V224" s="97">
        <v>0.10922463091520576</v>
      </c>
      <c r="W224" s="213">
        <v>0.4067605824778453</v>
      </c>
      <c r="X224" s="97">
        <v>0.10802145170077382</v>
      </c>
      <c r="Y224" s="213">
        <v>1.2666148855064988E-2</v>
      </c>
      <c r="Z224" s="97">
        <v>4.0979067227041165E-2</v>
      </c>
      <c r="AA224" s="213">
        <v>2.8547469029021208E-2</v>
      </c>
      <c r="AB224" s="97">
        <v>4.8415698753011722E-2</v>
      </c>
      <c r="AC224" s="209">
        <v>79</v>
      </c>
      <c r="AD224" s="213">
        <v>0.371</v>
      </c>
      <c r="AE224" s="97">
        <v>0.10640325712155935</v>
      </c>
      <c r="AF224" s="213">
        <v>0.52</v>
      </c>
      <c r="AG224" s="97">
        <v>0.10968467953767115</v>
      </c>
      <c r="AH224" s="213">
        <v>2.4E-2</v>
      </c>
      <c r="AI224" s="97">
        <v>4.6432445063678079E-2</v>
      </c>
      <c r="AJ224" s="213">
        <v>8.5999999999999993E-2</v>
      </c>
      <c r="AK224" s="97">
        <v>6.7565593929726844E-2</v>
      </c>
      <c r="AL224" s="209">
        <v>79</v>
      </c>
      <c r="AM224" s="213">
        <v>0.13800000000000001</v>
      </c>
      <c r="AN224" s="97">
        <v>7.9541575591983091E-2</v>
      </c>
      <c r="AO224" s="213">
        <v>0.56299999999999994</v>
      </c>
      <c r="AP224" s="97">
        <v>0.10897205036662772</v>
      </c>
      <c r="AQ224" s="213">
        <v>0.16299999999999998</v>
      </c>
      <c r="AR224" s="97">
        <v>8.4201033314095966E-2</v>
      </c>
      <c r="AS224" s="213">
        <v>0.13700000000000001</v>
      </c>
      <c r="AT224" s="97">
        <v>7.9342353299720877E-2</v>
      </c>
    </row>
    <row r="225" spans="1:46">
      <c r="A225" s="57" t="s">
        <v>441</v>
      </c>
      <c r="B225" s="206">
        <v>74</v>
      </c>
      <c r="C225" s="212">
        <v>0.18</v>
      </c>
      <c r="D225" s="94">
        <v>8.9966736755403606E-2</v>
      </c>
      <c r="E225" s="212">
        <v>0.16300000000000001</v>
      </c>
      <c r="F225" s="94">
        <v>8.7054487289927568E-2</v>
      </c>
      <c r="G225" s="212">
        <v>0.65800000000000003</v>
      </c>
      <c r="H225" s="94">
        <v>0.1080196465300675</v>
      </c>
      <c r="I225" s="212">
        <v>0</v>
      </c>
      <c r="J225" s="94">
        <v>3.5793971305236552E-2</v>
      </c>
      <c r="K225" s="206">
        <v>74</v>
      </c>
      <c r="L225" s="212">
        <v>0.52933425953671087</v>
      </c>
      <c r="M225" s="94">
        <v>0.11305217640907267</v>
      </c>
      <c r="N225" s="212">
        <v>0.25621243511763697</v>
      </c>
      <c r="O225" s="94">
        <v>0.10038565466873101</v>
      </c>
      <c r="P225" s="212">
        <v>0.13871932365411654</v>
      </c>
      <c r="Q225" s="94">
        <v>8.243725326901695E-2</v>
      </c>
      <c r="R225" s="212">
        <v>7.5733981691535807E-2</v>
      </c>
      <c r="S225" s="94">
        <v>6.7172444254731886E-2</v>
      </c>
      <c r="T225" s="206">
        <v>75</v>
      </c>
      <c r="U225" s="212">
        <v>0.62915209519779958</v>
      </c>
      <c r="V225" s="94">
        <v>0.10907345426029914</v>
      </c>
      <c r="W225" s="212">
        <v>0.25684028590456598</v>
      </c>
      <c r="X225" s="94">
        <v>9.9799616817545386E-2</v>
      </c>
      <c r="Y225" s="212">
        <v>3.4244376179389677E-2</v>
      </c>
      <c r="Z225" s="94">
        <v>5.2522682014868538E-2</v>
      </c>
      <c r="AA225" s="212">
        <v>7.9763242718244851E-2</v>
      </c>
      <c r="AB225" s="94">
        <v>6.7816490574746702E-2</v>
      </c>
      <c r="AC225" s="206">
        <v>75</v>
      </c>
      <c r="AD225" s="212">
        <v>0.52600000000000002</v>
      </c>
      <c r="AE225" s="94">
        <v>0.11237160834280825</v>
      </c>
      <c r="AF225" s="212">
        <v>0.33599999999999997</v>
      </c>
      <c r="AG225" s="94">
        <v>0.10691501238970073</v>
      </c>
      <c r="AH225" s="212">
        <v>6.3E-2</v>
      </c>
      <c r="AI225" s="94">
        <v>6.2795648993861863E-2</v>
      </c>
      <c r="AJ225" s="212">
        <v>7.4999999999999997E-2</v>
      </c>
      <c r="AK225" s="94">
        <v>6.6448065729595218E-2</v>
      </c>
      <c r="AL225" s="206">
        <v>75</v>
      </c>
      <c r="AM225" s="212">
        <v>0.38600000000000001</v>
      </c>
      <c r="AN225" s="94">
        <v>0.10984148138420625</v>
      </c>
      <c r="AO225" s="212">
        <v>0.34499999999999997</v>
      </c>
      <c r="AP225" s="94">
        <v>0.10752599184134333</v>
      </c>
      <c r="AQ225" s="212">
        <v>3.1E-2</v>
      </c>
      <c r="AR225" s="94">
        <v>5.118822028850338E-2</v>
      </c>
      <c r="AS225" s="212">
        <v>0.23699999999999999</v>
      </c>
      <c r="AT225" s="94">
        <v>9.7476547703003305E-2</v>
      </c>
    </row>
    <row r="226" spans="1:46" ht="25.5">
      <c r="A226" s="49" t="s">
        <v>442</v>
      </c>
      <c r="B226" s="209">
        <v>114</v>
      </c>
      <c r="C226" s="213">
        <v>0.121</v>
      </c>
      <c r="D226" s="97">
        <v>6.2688986331332644E-2</v>
      </c>
      <c r="E226" s="213">
        <v>0.157</v>
      </c>
      <c r="F226" s="97">
        <v>6.8936722029199315E-2</v>
      </c>
      <c r="G226" s="213">
        <v>0.68</v>
      </c>
      <c r="H226" s="97">
        <v>8.6310315091191553E-2</v>
      </c>
      <c r="I226" s="213">
        <v>4.2000000000000003E-2</v>
      </c>
      <c r="J226" s="97">
        <v>4.2870024039416359E-2</v>
      </c>
      <c r="K226" s="209">
        <v>114</v>
      </c>
      <c r="L226" s="213">
        <v>0.10288980112681478</v>
      </c>
      <c r="M226" s="97">
        <v>5.9035631436247522E-2</v>
      </c>
      <c r="N226" s="213">
        <v>0.36793151069372992</v>
      </c>
      <c r="O226" s="97">
        <v>8.9009690162493743E-2</v>
      </c>
      <c r="P226" s="213">
        <v>0.48812678686152366</v>
      </c>
      <c r="Q226" s="97">
        <v>9.2033233187448479E-2</v>
      </c>
      <c r="R226" s="213">
        <v>4.1051901317931669E-2</v>
      </c>
      <c r="S226" s="97">
        <v>4.2548011793035211E-2</v>
      </c>
      <c r="T226" s="209">
        <v>114</v>
      </c>
      <c r="U226" s="213">
        <v>0.37271853752006073</v>
      </c>
      <c r="V226" s="97">
        <v>8.9230069623595157E-2</v>
      </c>
      <c r="W226" s="213">
        <v>0.25485841806374232</v>
      </c>
      <c r="X226" s="97">
        <v>8.1075555244252084E-2</v>
      </c>
      <c r="Y226" s="213">
        <v>0.12181165401772988</v>
      </c>
      <c r="Z226" s="97">
        <v>6.2843882644712745E-2</v>
      </c>
      <c r="AA226" s="213">
        <v>0.25061139039846708</v>
      </c>
      <c r="AB226" s="97">
        <v>8.0664705108255214E-2</v>
      </c>
      <c r="AC226" s="209">
        <v>113</v>
      </c>
      <c r="AD226" s="213">
        <v>0.45200000000000001</v>
      </c>
      <c r="AE226" s="97">
        <v>9.2051796176737116E-2</v>
      </c>
      <c r="AF226" s="213">
        <v>0.36299999999999999</v>
      </c>
      <c r="AG226" s="97">
        <v>8.9154128102497329E-2</v>
      </c>
      <c r="AH226" s="213">
        <v>4.1000000000000002E-2</v>
      </c>
      <c r="AI226" s="97">
        <v>4.2758830723192684E-2</v>
      </c>
      <c r="AJ226" s="213">
        <v>0.14499999999999999</v>
      </c>
      <c r="AK226" s="97">
        <v>6.7290616880509344E-2</v>
      </c>
      <c r="AL226" s="209">
        <v>114</v>
      </c>
      <c r="AM226" s="213">
        <v>0.184</v>
      </c>
      <c r="AN226" s="97">
        <v>7.290559353259192E-2</v>
      </c>
      <c r="AO226" s="213">
        <v>0.30299999999999999</v>
      </c>
      <c r="AP226" s="97">
        <v>8.5127526152877803E-2</v>
      </c>
      <c r="AQ226" s="213">
        <v>0.109</v>
      </c>
      <c r="AR226" s="97">
        <v>6.0312221195486432E-2</v>
      </c>
      <c r="AS226" s="213">
        <v>0.40300000000000002</v>
      </c>
      <c r="AT226" s="97">
        <v>9.0426126131215451E-2</v>
      </c>
    </row>
    <row r="227" spans="1:46">
      <c r="A227" s="57" t="s">
        <v>443</v>
      </c>
      <c r="B227" s="206">
        <v>167</v>
      </c>
      <c r="C227" s="212">
        <v>0.246</v>
      </c>
      <c r="D227" s="94">
        <v>6.6397172970923887E-2</v>
      </c>
      <c r="E227" s="212">
        <v>0.248</v>
      </c>
      <c r="F227" s="94">
        <v>6.656697800065707E-2</v>
      </c>
      <c r="G227" s="212">
        <v>0.5</v>
      </c>
      <c r="H227" s="94">
        <v>7.6471911290187253E-2</v>
      </c>
      <c r="I227" s="212">
        <v>6.0000000000000001E-3</v>
      </c>
      <c r="J227" s="94">
        <v>2.0085989428898183E-2</v>
      </c>
      <c r="K227" s="206">
        <v>169</v>
      </c>
      <c r="L227" s="212">
        <v>0.50011093824339303</v>
      </c>
      <c r="M227" s="94">
        <v>7.6028590341096935E-2</v>
      </c>
      <c r="N227" s="212">
        <v>0.41149958248888413</v>
      </c>
      <c r="O227" s="94">
        <v>7.4883443509913925E-2</v>
      </c>
      <c r="P227" s="212">
        <v>6.1075232428653807E-2</v>
      </c>
      <c r="Q227" s="94">
        <v>3.9108846137982017E-2</v>
      </c>
      <c r="R227" s="212">
        <v>2.7314246839069273E-2</v>
      </c>
      <c r="S227" s="94">
        <v>2.9162030810007351E-2</v>
      </c>
      <c r="T227" s="206">
        <v>171</v>
      </c>
      <c r="U227" s="212">
        <v>0.63739149067468948</v>
      </c>
      <c r="V227" s="94">
        <v>7.2817052705802257E-2</v>
      </c>
      <c r="W227" s="212">
        <v>0.24620305311270091</v>
      </c>
      <c r="X227" s="94">
        <v>6.5639369122143201E-2</v>
      </c>
      <c r="Y227" s="212">
        <v>6.1723985163193086E-2</v>
      </c>
      <c r="Z227" s="94">
        <v>3.901497086345327E-2</v>
      </c>
      <c r="AA227" s="212">
        <v>5.468147104941691E-2</v>
      </c>
      <c r="AB227" s="94">
        <v>3.7233882356580303E-2</v>
      </c>
      <c r="AC227" s="206">
        <v>171</v>
      </c>
      <c r="AD227" s="212">
        <v>0.495</v>
      </c>
      <c r="AE227" s="94">
        <v>7.5589285680055157E-2</v>
      </c>
      <c r="AF227" s="212">
        <v>0.35699999999999998</v>
      </c>
      <c r="AG227" s="94">
        <v>7.2581009380752376E-2</v>
      </c>
      <c r="AH227" s="212">
        <v>0.08</v>
      </c>
      <c r="AI227" s="94">
        <v>4.3179847151188479E-2</v>
      </c>
      <c r="AJ227" s="212">
        <v>6.8000000000000005E-2</v>
      </c>
      <c r="AK227" s="94">
        <v>4.0513808958364664E-2</v>
      </c>
      <c r="AL227" s="206">
        <v>170</v>
      </c>
      <c r="AM227" s="212">
        <v>0.44400000000000001</v>
      </c>
      <c r="AN227" s="94">
        <v>7.5354568254497753E-2</v>
      </c>
      <c r="AO227" s="212">
        <v>0.28100000000000003</v>
      </c>
      <c r="AP227" s="94">
        <v>6.8517764695646799E-2</v>
      </c>
      <c r="AQ227" s="212">
        <v>0.106</v>
      </c>
      <c r="AR227" s="94">
        <v>4.8380496110749314E-2</v>
      </c>
      <c r="AS227" s="212">
        <v>0.16900000000000001</v>
      </c>
      <c r="AT227" s="94">
        <v>5.7818262139393069E-2</v>
      </c>
    </row>
    <row r="228" spans="1:46">
      <c r="A228" s="49" t="s">
        <v>455</v>
      </c>
      <c r="B228" s="209">
        <v>149</v>
      </c>
      <c r="C228" s="213">
        <v>7.3999999999999996E-2</v>
      </c>
      <c r="D228" s="97">
        <v>4.5125504789158014E-2</v>
      </c>
      <c r="E228" s="213">
        <v>0.17499999999999999</v>
      </c>
      <c r="F228" s="97">
        <v>6.2586031008800141E-2</v>
      </c>
      <c r="G228" s="213">
        <v>0.74299999999999999</v>
      </c>
      <c r="H228" s="97">
        <v>7.1216905085373969E-2</v>
      </c>
      <c r="I228" s="213">
        <v>7.0000000000000001E-3</v>
      </c>
      <c r="J228" s="97">
        <v>2.2574970805446896E-2</v>
      </c>
      <c r="K228" s="209">
        <v>150</v>
      </c>
      <c r="L228" s="213">
        <v>0.10831521279066887</v>
      </c>
      <c r="M228" s="97">
        <v>5.2086151800957284E-2</v>
      </c>
      <c r="N228" s="213">
        <v>0.3877099367243565</v>
      </c>
      <c r="O228" s="97">
        <v>7.8630725134474458E-2</v>
      </c>
      <c r="P228" s="213">
        <v>0.39835102400981881</v>
      </c>
      <c r="Q228" s="97">
        <v>7.8986645072021883E-2</v>
      </c>
      <c r="R228" s="213">
        <v>0.10562382647515615</v>
      </c>
      <c r="S228" s="97">
        <v>5.1583274631808694E-2</v>
      </c>
      <c r="T228" s="209">
        <v>150</v>
      </c>
      <c r="U228" s="213">
        <v>0.31217656904829794</v>
      </c>
      <c r="V228" s="97">
        <v>7.4994573563416128E-2</v>
      </c>
      <c r="W228" s="213">
        <v>0.3676374367863281</v>
      </c>
      <c r="X228" s="97">
        <v>7.785742114864784E-2</v>
      </c>
      <c r="Y228" s="213">
        <v>5.1116347636690929E-2</v>
      </c>
      <c r="Z228" s="97">
        <v>3.9091926087685303E-2</v>
      </c>
      <c r="AA228" s="213">
        <v>0.26906964652868359</v>
      </c>
      <c r="AB228" s="97">
        <v>7.1967799849734782E-2</v>
      </c>
      <c r="AC228" s="209">
        <v>150</v>
      </c>
      <c r="AD228" s="213">
        <v>0.29899999999999999</v>
      </c>
      <c r="AE228" s="97">
        <v>7.4148061198581597E-2</v>
      </c>
      <c r="AF228" s="213">
        <v>0.42700000000000005</v>
      </c>
      <c r="AG228" s="97">
        <v>7.976332457328382E-2</v>
      </c>
      <c r="AH228" s="213">
        <v>4.4999999999999998E-2</v>
      </c>
      <c r="AI228" s="97">
        <v>3.7308776876594021E-2</v>
      </c>
      <c r="AJ228" s="213">
        <v>0.22900000000000001</v>
      </c>
      <c r="AK228" s="97">
        <v>6.8437965067740122E-2</v>
      </c>
      <c r="AL228" s="209">
        <v>149</v>
      </c>
      <c r="AM228" s="213">
        <v>0.251</v>
      </c>
      <c r="AN228" s="97">
        <v>7.0701157843519227E-2</v>
      </c>
      <c r="AO228" s="213">
        <v>0.3</v>
      </c>
      <c r="AP228" s="97">
        <v>7.4459123910300754E-2</v>
      </c>
      <c r="AQ228" s="213">
        <v>6.0999999999999999E-2</v>
      </c>
      <c r="AR228" s="97">
        <v>4.1922490151170291E-2</v>
      </c>
      <c r="AS228" s="213">
        <v>0.38800000000000001</v>
      </c>
      <c r="AT228" s="97">
        <v>7.8898184017544004E-2</v>
      </c>
    </row>
    <row r="229" spans="1:46">
      <c r="A229" s="57" t="s">
        <v>444</v>
      </c>
      <c r="B229" s="206">
        <v>89</v>
      </c>
      <c r="C229" s="212">
        <v>0.06</v>
      </c>
      <c r="D229" s="94">
        <v>5.5916842247251845E-2</v>
      </c>
      <c r="E229" s="212">
        <v>0.16500000000000001</v>
      </c>
      <c r="F229" s="94">
        <v>7.9574447626425016E-2</v>
      </c>
      <c r="G229" s="212">
        <v>0.76300000000000001</v>
      </c>
      <c r="H229" s="94">
        <v>8.9599602546556981E-2</v>
      </c>
      <c r="I229" s="212">
        <v>1.2999999999999999E-2</v>
      </c>
      <c r="J229" s="94">
        <v>3.7556489113346192E-2</v>
      </c>
      <c r="K229" s="206">
        <v>89</v>
      </c>
      <c r="L229" s="212">
        <v>7.5447440149006506E-2</v>
      </c>
      <c r="M229" s="94">
        <v>6.0438049691937744E-2</v>
      </c>
      <c r="N229" s="212">
        <v>0.35360453890316657</v>
      </c>
      <c r="O229" s="94">
        <v>9.9541379136095731E-2</v>
      </c>
      <c r="P229" s="212">
        <v>0.43544627108473971</v>
      </c>
      <c r="Q229" s="94">
        <v>0.10290063576295545</v>
      </c>
      <c r="R229" s="212">
        <v>0.13550174986308783</v>
      </c>
      <c r="S229" s="94">
        <v>7.4292064007195277E-2</v>
      </c>
      <c r="T229" s="206">
        <v>89</v>
      </c>
      <c r="U229" s="212">
        <v>0.30263374966451695</v>
      </c>
      <c r="V229" s="94">
        <v>9.6011947188626587E-2</v>
      </c>
      <c r="W229" s="212">
        <v>0.33813232683306826</v>
      </c>
      <c r="X229" s="94">
        <v>9.8593168219208951E-2</v>
      </c>
      <c r="Y229" s="212">
        <v>4.6670453437915448E-2</v>
      </c>
      <c r="Z229" s="94">
        <v>5.155234452874137E-2</v>
      </c>
      <c r="AA229" s="212">
        <v>0.31256347006450008</v>
      </c>
      <c r="AB229" s="94">
        <v>9.6792584209396321E-2</v>
      </c>
      <c r="AC229" s="206">
        <v>89</v>
      </c>
      <c r="AD229" s="212">
        <v>0.316</v>
      </c>
      <c r="AE229" s="94">
        <v>9.7051967684408158E-2</v>
      </c>
      <c r="AF229" s="212">
        <v>0.43099999999999999</v>
      </c>
      <c r="AG229" s="94">
        <v>0.10278691621999977</v>
      </c>
      <c r="AH229" s="212">
        <v>3.6000000000000004E-2</v>
      </c>
      <c r="AI229" s="94">
        <v>4.7666315331446656E-2</v>
      </c>
      <c r="AJ229" s="212">
        <v>0.216</v>
      </c>
      <c r="AK229" s="94">
        <v>8.703798280967967E-2</v>
      </c>
      <c r="AL229" s="206">
        <v>89</v>
      </c>
      <c r="AM229" s="212">
        <v>0.30299999999999999</v>
      </c>
      <c r="AN229" s="94">
        <v>9.6041571390809488E-2</v>
      </c>
      <c r="AO229" s="212">
        <v>0.27600000000000002</v>
      </c>
      <c r="AP229" s="94">
        <v>9.3681545496707222E-2</v>
      </c>
      <c r="AQ229" s="212">
        <v>0.05</v>
      </c>
      <c r="AR229" s="94">
        <v>5.2688879917661205E-2</v>
      </c>
      <c r="AS229" s="212">
        <v>0.371</v>
      </c>
      <c r="AT229" s="94">
        <v>0.1004847817657982</v>
      </c>
    </row>
    <row r="230" spans="1:46">
      <c r="A230" s="49" t="s">
        <v>454</v>
      </c>
      <c r="B230" s="209">
        <v>257</v>
      </c>
      <c r="C230" s="213">
        <v>0.06</v>
      </c>
      <c r="D230" s="97">
        <v>3.089684421116639E-2</v>
      </c>
      <c r="E230" s="213">
        <v>0.115</v>
      </c>
      <c r="F230" s="97">
        <v>4.0359207146585002E-2</v>
      </c>
      <c r="G230" s="213">
        <v>0.80800000000000005</v>
      </c>
      <c r="H230" s="97">
        <v>4.9211627993678481E-2</v>
      </c>
      <c r="I230" s="213">
        <v>1.7000000000000001E-2</v>
      </c>
      <c r="J230" s="97">
        <v>1.9101193183080158E-2</v>
      </c>
      <c r="K230" s="209">
        <v>258</v>
      </c>
      <c r="L230" s="213">
        <v>4.1771187772350435E-2</v>
      </c>
      <c r="M230" s="97">
        <v>2.6612521468601959E-2</v>
      </c>
      <c r="N230" s="213">
        <v>0.4316262302971845</v>
      </c>
      <c r="O230" s="97">
        <v>6.1217505503084531E-2</v>
      </c>
      <c r="P230" s="213">
        <v>0.4183341924957461</v>
      </c>
      <c r="Q230" s="97">
        <v>6.097587862872212E-2</v>
      </c>
      <c r="R230" s="213">
        <v>0.108268389434719</v>
      </c>
      <c r="S230" s="97">
        <v>3.9306232643555317E-2</v>
      </c>
      <c r="T230" s="209">
        <v>257</v>
      </c>
      <c r="U230" s="213">
        <v>0.22595521275885674</v>
      </c>
      <c r="V230" s="97">
        <v>5.211007325472742E-2</v>
      </c>
      <c r="W230" s="213">
        <v>0.25050447137447485</v>
      </c>
      <c r="X230" s="97">
        <v>5.3911428123338476E-2</v>
      </c>
      <c r="Y230" s="213">
        <v>0.18171439627441854</v>
      </c>
      <c r="Z230" s="97">
        <v>4.8229279432775218E-2</v>
      </c>
      <c r="AA230" s="213">
        <v>0.34182591959224984</v>
      </c>
      <c r="AB230" s="97">
        <v>5.8818761964667371E-2</v>
      </c>
      <c r="AC230" s="209">
        <v>257</v>
      </c>
      <c r="AD230" s="213">
        <v>0.32200000000000001</v>
      </c>
      <c r="AE230" s="97">
        <v>5.7970756965581655E-2</v>
      </c>
      <c r="AF230" s="213">
        <v>0.26500000000000001</v>
      </c>
      <c r="AG230" s="97">
        <v>5.4870764119801629E-2</v>
      </c>
      <c r="AH230" s="213">
        <v>0.11</v>
      </c>
      <c r="AI230" s="97">
        <v>3.9639437055808149E-2</v>
      </c>
      <c r="AJ230" s="213">
        <v>0.30299999999999999</v>
      </c>
      <c r="AK230" s="97">
        <v>5.7050281322498383E-2</v>
      </c>
      <c r="AL230" s="209">
        <v>259</v>
      </c>
      <c r="AM230" s="213">
        <v>9.7000000000000003E-2</v>
      </c>
      <c r="AN230" s="97">
        <v>3.7506629006001296E-2</v>
      </c>
      <c r="AO230" s="213">
        <v>0.24099999999999999</v>
      </c>
      <c r="AP230" s="97">
        <v>5.3036176717457022E-2</v>
      </c>
      <c r="AQ230" s="213">
        <v>0.17599999999999999</v>
      </c>
      <c r="AR230" s="97">
        <v>4.7475093093915947E-2</v>
      </c>
      <c r="AS230" s="213">
        <v>0.48699999999999999</v>
      </c>
      <c r="AT230" s="97">
        <v>6.1642425466273409E-2</v>
      </c>
    </row>
    <row r="231" spans="1:46" ht="25.5">
      <c r="A231" s="57" t="s">
        <v>445</v>
      </c>
      <c r="B231" s="206">
        <v>111</v>
      </c>
      <c r="C231" s="212">
        <v>0.02</v>
      </c>
      <c r="D231" s="94">
        <v>3.5064701083887886E-2</v>
      </c>
      <c r="E231" s="212">
        <v>0.10199999999999999</v>
      </c>
      <c r="F231" s="94">
        <v>5.9687233156875637E-2</v>
      </c>
      <c r="G231" s="212">
        <v>0.86499999999999999</v>
      </c>
      <c r="H231" s="94">
        <v>6.617017494515591E-2</v>
      </c>
      <c r="I231" s="212">
        <v>1.2E-2</v>
      </c>
      <c r="J231" s="94">
        <v>3.1282402557808321E-2</v>
      </c>
      <c r="K231" s="206">
        <v>112</v>
      </c>
      <c r="L231" s="212">
        <v>7.3250101586846E-2</v>
      </c>
      <c r="M231" s="94">
        <v>5.2597255023984615E-2</v>
      </c>
      <c r="N231" s="212">
        <v>0.45877194152392342</v>
      </c>
      <c r="O231" s="94">
        <v>9.2552957890950707E-2</v>
      </c>
      <c r="P231" s="212">
        <v>0.29276585332636834</v>
      </c>
      <c r="Q231" s="94">
        <v>8.5089149108589085E-2</v>
      </c>
      <c r="R231" s="212">
        <v>0.17521210356286307</v>
      </c>
      <c r="S231" s="94">
        <v>7.2316919717933525E-2</v>
      </c>
      <c r="T231" s="206">
        <v>111</v>
      </c>
      <c r="U231" s="212">
        <v>0.31950560794229327</v>
      </c>
      <c r="V231" s="94">
        <v>8.740682923652203E-2</v>
      </c>
      <c r="W231" s="212">
        <v>0.31932590293602919</v>
      </c>
      <c r="X231" s="94">
        <v>8.7394797259694429E-2</v>
      </c>
      <c r="Y231" s="212">
        <v>0.10694907955209049</v>
      </c>
      <c r="Z231" s="94">
        <v>6.0740683645597593E-2</v>
      </c>
      <c r="AA231" s="212">
        <v>0.25421940956958794</v>
      </c>
      <c r="AB231" s="94">
        <v>8.2086088501885271E-2</v>
      </c>
      <c r="AC231" s="206">
        <v>110</v>
      </c>
      <c r="AD231" s="212">
        <v>0.317</v>
      </c>
      <c r="AE231" s="94">
        <v>8.7623571959985061E-2</v>
      </c>
      <c r="AF231" s="212">
        <v>0.33600000000000002</v>
      </c>
      <c r="AG231" s="94">
        <v>8.884410269574769E-2</v>
      </c>
      <c r="AH231" s="212">
        <v>0.111</v>
      </c>
      <c r="AI231" s="94">
        <v>6.1874723175835436E-2</v>
      </c>
      <c r="AJ231" s="212">
        <v>0.23599999999999999</v>
      </c>
      <c r="AK231" s="94">
        <v>8.0591920119635826E-2</v>
      </c>
      <c r="AL231" s="206">
        <v>112</v>
      </c>
      <c r="AM231" s="212">
        <v>0.158</v>
      </c>
      <c r="AN231" s="94">
        <v>6.9719488560669632E-2</v>
      </c>
      <c r="AO231" s="212">
        <v>0.27300000000000002</v>
      </c>
      <c r="AP231" s="94">
        <v>8.3452124005965592E-2</v>
      </c>
      <c r="AQ231" s="212">
        <v>0.23799999999999999</v>
      </c>
      <c r="AR231" s="94">
        <v>8.0087979012480381E-2</v>
      </c>
      <c r="AS231" s="212">
        <v>0.33100000000000002</v>
      </c>
      <c r="AT231" s="94">
        <v>8.7764332433400427E-2</v>
      </c>
    </row>
    <row r="232" spans="1:46">
      <c r="A232" s="49" t="s">
        <v>471</v>
      </c>
      <c r="B232" s="209">
        <v>90</v>
      </c>
      <c r="C232" s="213">
        <v>0.11700000000000001</v>
      </c>
      <c r="D232" s="97">
        <v>7.0115269703035527E-2</v>
      </c>
      <c r="E232" s="213">
        <v>0.124</v>
      </c>
      <c r="F232" s="97">
        <v>7.1577959284399473E-2</v>
      </c>
      <c r="G232" s="213">
        <v>0.75900000000000001</v>
      </c>
      <c r="H232" s="97">
        <v>8.9563136589187409E-2</v>
      </c>
      <c r="I232" s="213">
        <v>0</v>
      </c>
      <c r="J232" s="97">
        <v>2.976782656907849E-2</v>
      </c>
      <c r="K232" s="209">
        <v>90</v>
      </c>
      <c r="L232" s="213">
        <v>1.2475551868772973E-3</v>
      </c>
      <c r="M232" s="97">
        <v>3.0573326424174273E-2</v>
      </c>
      <c r="N232" s="213">
        <v>0.45546296229834032</v>
      </c>
      <c r="O232" s="97">
        <v>0.10276634789210964</v>
      </c>
      <c r="P232" s="213">
        <v>0.44309191456343533</v>
      </c>
      <c r="Q232" s="97">
        <v>0.10252788414820077</v>
      </c>
      <c r="R232" s="213">
        <v>0.10019756795134731</v>
      </c>
      <c r="S232" s="97">
        <v>6.6355634616099252E-2</v>
      </c>
      <c r="T232" s="209">
        <v>90</v>
      </c>
      <c r="U232" s="213">
        <v>0.12631838069469989</v>
      </c>
      <c r="V232" s="97">
        <v>7.2050004998741354E-2</v>
      </c>
      <c r="W232" s="213">
        <v>0.18817341643772803</v>
      </c>
      <c r="X232" s="97">
        <v>8.2736057761359075E-2</v>
      </c>
      <c r="Y232" s="213">
        <v>0.24721741413704251</v>
      </c>
      <c r="Z232" s="97">
        <v>9.0253419424995762E-2</v>
      </c>
      <c r="AA232" s="213">
        <v>0.43829078873053012</v>
      </c>
      <c r="AB232" s="97">
        <v>0.1024194889099878</v>
      </c>
      <c r="AC232" s="209">
        <v>91</v>
      </c>
      <c r="AD232" s="213">
        <v>0.19900000000000001</v>
      </c>
      <c r="AE232" s="97">
        <v>8.3821347770316648E-2</v>
      </c>
      <c r="AF232" s="213">
        <v>0.192</v>
      </c>
      <c r="AG232" s="97">
        <v>8.2833089605752613E-2</v>
      </c>
      <c r="AH232" s="213">
        <v>0.14200000000000002</v>
      </c>
      <c r="AI232" s="97">
        <v>7.4664595129519604E-2</v>
      </c>
      <c r="AJ232" s="213">
        <v>0.46700000000000003</v>
      </c>
      <c r="AK232" s="97">
        <v>0.10239259319964997</v>
      </c>
      <c r="AL232" s="209">
        <v>91</v>
      </c>
      <c r="AM232" s="213">
        <v>3.3000000000000002E-2</v>
      </c>
      <c r="AN232" s="97">
        <v>4.5832532548417182E-2</v>
      </c>
      <c r="AO232" s="213">
        <v>0.20399999999999999</v>
      </c>
      <c r="AP232" s="97">
        <v>8.4506457970345006E-2</v>
      </c>
      <c r="AQ232" s="213">
        <v>0.16199999999999998</v>
      </c>
      <c r="AR232" s="97">
        <v>7.8183053629983512E-2</v>
      </c>
      <c r="AS232" s="213">
        <v>0.6</v>
      </c>
      <c r="AT232" s="97">
        <v>0.10069743669581391</v>
      </c>
    </row>
    <row r="233" spans="1:46" ht="25.5">
      <c r="A233" s="57" t="s">
        <v>442</v>
      </c>
      <c r="B233" s="206">
        <v>114</v>
      </c>
      <c r="C233" s="212">
        <v>0.121</v>
      </c>
      <c r="D233" s="94">
        <v>6.2688986331332644E-2</v>
      </c>
      <c r="E233" s="212">
        <v>0.157</v>
      </c>
      <c r="F233" s="94">
        <v>6.8936722029199315E-2</v>
      </c>
      <c r="G233" s="212">
        <v>0.68</v>
      </c>
      <c r="H233" s="94">
        <v>8.6310315091191553E-2</v>
      </c>
      <c r="I233" s="212">
        <v>4.2000000000000003E-2</v>
      </c>
      <c r="J233" s="94">
        <v>4.2870024039416359E-2</v>
      </c>
      <c r="K233" s="206">
        <v>114</v>
      </c>
      <c r="L233" s="212">
        <v>0.10288980112681478</v>
      </c>
      <c r="M233" s="94">
        <v>5.9035631436247522E-2</v>
      </c>
      <c r="N233" s="212">
        <v>0.36793151069372992</v>
      </c>
      <c r="O233" s="94">
        <v>8.9009690162493743E-2</v>
      </c>
      <c r="P233" s="212">
        <v>0.48812678686152366</v>
      </c>
      <c r="Q233" s="94">
        <v>9.2033233187448479E-2</v>
      </c>
      <c r="R233" s="212">
        <v>4.1051901317931669E-2</v>
      </c>
      <c r="S233" s="94">
        <v>4.2548011793035211E-2</v>
      </c>
      <c r="T233" s="206">
        <v>114</v>
      </c>
      <c r="U233" s="212">
        <v>0.37271853752006073</v>
      </c>
      <c r="V233" s="94">
        <v>8.9230069623595157E-2</v>
      </c>
      <c r="W233" s="212">
        <v>0.25485841806374232</v>
      </c>
      <c r="X233" s="94">
        <v>8.1075555244252084E-2</v>
      </c>
      <c r="Y233" s="212">
        <v>0.12181165401772988</v>
      </c>
      <c r="Z233" s="94">
        <v>6.2843882644712745E-2</v>
      </c>
      <c r="AA233" s="212">
        <v>0.25061139039846708</v>
      </c>
      <c r="AB233" s="94">
        <v>8.0664705108255214E-2</v>
      </c>
      <c r="AC233" s="206">
        <v>113</v>
      </c>
      <c r="AD233" s="212">
        <v>0.45200000000000001</v>
      </c>
      <c r="AE233" s="94">
        <v>9.2051796176737116E-2</v>
      </c>
      <c r="AF233" s="212">
        <v>0.36299999999999999</v>
      </c>
      <c r="AG233" s="94">
        <v>8.9154128102497329E-2</v>
      </c>
      <c r="AH233" s="212">
        <v>4.1000000000000002E-2</v>
      </c>
      <c r="AI233" s="94">
        <v>4.2758830723192684E-2</v>
      </c>
      <c r="AJ233" s="212">
        <v>0.14499999999999999</v>
      </c>
      <c r="AK233" s="94">
        <v>6.7290616880509344E-2</v>
      </c>
      <c r="AL233" s="206">
        <v>114</v>
      </c>
      <c r="AM233" s="212">
        <v>0.184</v>
      </c>
      <c r="AN233" s="94">
        <v>7.290559353259192E-2</v>
      </c>
      <c r="AO233" s="212">
        <v>0.30299999999999999</v>
      </c>
      <c r="AP233" s="94">
        <v>8.5127526152877803E-2</v>
      </c>
      <c r="AQ233" s="212">
        <v>0.109</v>
      </c>
      <c r="AR233" s="94">
        <v>6.0312221195486432E-2</v>
      </c>
      <c r="AS233" s="212">
        <v>0.40300000000000002</v>
      </c>
      <c r="AT233" s="94">
        <v>9.0426126131215451E-2</v>
      </c>
    </row>
    <row r="235" spans="1:46" ht="18.75">
      <c r="A235" s="367" t="s">
        <v>16</v>
      </c>
      <c r="B235" s="367"/>
      <c r="C235" s="367"/>
      <c r="D235" s="367"/>
    </row>
    <row r="236" spans="1:46" ht="88.5" customHeight="1">
      <c r="A236" s="427" t="s">
        <v>507</v>
      </c>
      <c r="B236" s="427"/>
      <c r="C236" s="427"/>
      <c r="D236" s="427"/>
    </row>
    <row r="237" spans="1:46" ht="38.25" customHeight="1">
      <c r="A237" s="409" t="s">
        <v>168</v>
      </c>
      <c r="B237" s="409"/>
      <c r="C237" s="409"/>
      <c r="D237" s="409"/>
    </row>
    <row r="238" spans="1:46" ht="40.5" customHeight="1">
      <c r="A238" s="37" t="s">
        <v>85</v>
      </c>
      <c r="B238" s="38" t="s">
        <v>86</v>
      </c>
      <c r="C238" s="39" t="s">
        <v>87</v>
      </c>
      <c r="D238" s="40" t="s">
        <v>88</v>
      </c>
    </row>
    <row r="239" spans="1:46" ht="72">
      <c r="A239" s="41"/>
      <c r="B239" s="42" t="s">
        <v>89</v>
      </c>
      <c r="C239" s="128" t="s">
        <v>169</v>
      </c>
      <c r="D239" s="44" t="s">
        <v>91</v>
      </c>
    </row>
    <row r="240" spans="1:46">
      <c r="A240" s="45" t="s">
        <v>430</v>
      </c>
      <c r="B240" s="214">
        <v>11010</v>
      </c>
      <c r="C240" s="84">
        <v>5.5</v>
      </c>
      <c r="D240" s="85">
        <v>1.9599999999999999E-2</v>
      </c>
    </row>
    <row r="241" spans="1:4">
      <c r="A241" s="49" t="s">
        <v>431</v>
      </c>
      <c r="B241" s="49">
        <v>8885</v>
      </c>
      <c r="C241" s="216">
        <v>5.61</v>
      </c>
      <c r="D241" s="217">
        <v>1.9599999999999999E-2</v>
      </c>
    </row>
    <row r="242" spans="1:4">
      <c r="A242" s="45" t="s">
        <v>432</v>
      </c>
      <c r="B242" s="53">
        <v>1962</v>
      </c>
      <c r="C242" s="84">
        <v>5.36</v>
      </c>
      <c r="D242" s="85">
        <v>5.8799999999999998E-2</v>
      </c>
    </row>
    <row r="243" spans="1:4">
      <c r="A243" s="49" t="s">
        <v>433</v>
      </c>
      <c r="B243" s="49">
        <v>132</v>
      </c>
      <c r="C243" s="216">
        <v>5.33</v>
      </c>
      <c r="D243" s="217">
        <v>0.15679999999999999</v>
      </c>
    </row>
    <row r="244" spans="1:4">
      <c r="A244" s="45" t="s">
        <v>434</v>
      </c>
      <c r="B244" s="53">
        <v>3071</v>
      </c>
      <c r="C244" s="84">
        <v>5.5</v>
      </c>
      <c r="D244" s="85">
        <v>3.9199999999999999E-2</v>
      </c>
    </row>
    <row r="245" spans="1:4">
      <c r="A245" s="49" t="s">
        <v>435</v>
      </c>
      <c r="B245" s="49">
        <v>2486</v>
      </c>
      <c r="C245" s="216">
        <v>5.6</v>
      </c>
      <c r="D245" s="217">
        <v>3.9199999999999999E-2</v>
      </c>
    </row>
    <row r="246" spans="1:4">
      <c r="A246" s="45" t="s">
        <v>452</v>
      </c>
      <c r="B246" s="53">
        <v>92</v>
      </c>
      <c r="C246" s="84">
        <v>5.4</v>
      </c>
      <c r="D246" s="85">
        <v>0.25480000000000003</v>
      </c>
    </row>
    <row r="247" spans="1:4">
      <c r="A247" s="49" t="s">
        <v>172</v>
      </c>
      <c r="B247" s="49">
        <v>246</v>
      </c>
      <c r="C247" s="216">
        <v>5.76</v>
      </c>
      <c r="D247" s="217">
        <v>0.13720000000000002</v>
      </c>
    </row>
    <row r="248" spans="1:4" ht="25.5">
      <c r="A248" s="45" t="s">
        <v>436</v>
      </c>
      <c r="B248" s="53">
        <v>97</v>
      </c>
      <c r="C248" s="84">
        <v>5.6</v>
      </c>
      <c r="D248" s="85">
        <v>0.23519999999999999</v>
      </c>
    </row>
    <row r="249" spans="1:4" ht="25.5">
      <c r="A249" s="49" t="s">
        <v>437</v>
      </c>
      <c r="B249" s="49">
        <v>116</v>
      </c>
      <c r="C249" s="216">
        <v>5.76</v>
      </c>
      <c r="D249" s="217">
        <v>0.1764</v>
      </c>
    </row>
    <row r="250" spans="1:4">
      <c r="A250" s="45" t="s">
        <v>453</v>
      </c>
      <c r="B250" s="214">
        <v>544</v>
      </c>
      <c r="C250" s="84">
        <v>5.31</v>
      </c>
      <c r="D250" s="85">
        <v>9.8000000000000004E-2</v>
      </c>
    </row>
    <row r="251" spans="1:4" ht="25.5">
      <c r="A251" s="49" t="s">
        <v>438</v>
      </c>
      <c r="B251" s="215">
        <v>82</v>
      </c>
      <c r="C251" s="216">
        <v>4.93</v>
      </c>
      <c r="D251" s="217">
        <v>0.25480000000000003</v>
      </c>
    </row>
    <row r="252" spans="1:4">
      <c r="A252" s="45" t="s">
        <v>439</v>
      </c>
      <c r="B252" s="83">
        <v>79</v>
      </c>
      <c r="C252" s="84">
        <v>5.59</v>
      </c>
      <c r="D252" s="85">
        <v>0.23519999999999999</v>
      </c>
    </row>
    <row r="253" spans="1:4">
      <c r="A253" s="49" t="s">
        <v>440</v>
      </c>
      <c r="B253" s="215">
        <v>79</v>
      </c>
      <c r="C253" s="216">
        <v>5.16</v>
      </c>
      <c r="D253" s="217">
        <v>0.19600000000000001</v>
      </c>
    </row>
    <row r="254" spans="1:4">
      <c r="A254" s="57" t="s">
        <v>441</v>
      </c>
      <c r="B254" s="214">
        <v>75</v>
      </c>
      <c r="C254" s="84">
        <v>5.33</v>
      </c>
      <c r="D254" s="85">
        <v>0.25480000000000003</v>
      </c>
    </row>
    <row r="255" spans="1:4" ht="25.5">
      <c r="A255" s="49" t="s">
        <v>442</v>
      </c>
      <c r="B255" s="215">
        <v>113</v>
      </c>
      <c r="C255" s="216">
        <v>5.86</v>
      </c>
      <c r="D255" s="217">
        <v>0.1764</v>
      </c>
    </row>
    <row r="256" spans="1:4">
      <c r="A256" s="57" t="s">
        <v>443</v>
      </c>
      <c r="B256" s="214">
        <v>171</v>
      </c>
      <c r="C256" s="84">
        <v>5.25</v>
      </c>
      <c r="D256" s="85">
        <v>0.15679999999999999</v>
      </c>
    </row>
    <row r="257" spans="1:38">
      <c r="A257" s="49" t="s">
        <v>455</v>
      </c>
      <c r="B257" s="215">
        <v>150</v>
      </c>
      <c r="C257" s="216">
        <v>6.26</v>
      </c>
      <c r="D257" s="217">
        <v>0.13720000000000002</v>
      </c>
    </row>
    <row r="258" spans="1:38">
      <c r="A258" s="57" t="s">
        <v>444</v>
      </c>
      <c r="B258" s="214">
        <v>89</v>
      </c>
      <c r="C258" s="84">
        <v>6.33</v>
      </c>
      <c r="D258" s="85">
        <v>0.1764</v>
      </c>
    </row>
    <row r="259" spans="1:38">
      <c r="A259" s="49" t="s">
        <v>454</v>
      </c>
      <c r="B259" s="215">
        <v>257</v>
      </c>
      <c r="C259" s="216">
        <v>5.52</v>
      </c>
      <c r="D259" s="217">
        <v>0.13720000000000002</v>
      </c>
    </row>
    <row r="260" spans="1:38" ht="25.5">
      <c r="A260" s="57" t="s">
        <v>445</v>
      </c>
      <c r="B260" s="214">
        <v>112</v>
      </c>
      <c r="C260" s="84">
        <v>5.42</v>
      </c>
      <c r="D260" s="85">
        <v>0.19600000000000001</v>
      </c>
    </row>
    <row r="261" spans="1:38">
      <c r="A261" s="49" t="s">
        <v>471</v>
      </c>
      <c r="B261" s="215">
        <v>90</v>
      </c>
      <c r="C261" s="216">
        <v>5.53</v>
      </c>
      <c r="D261" s="217">
        <v>0.19600000000000001</v>
      </c>
    </row>
    <row r="262" spans="1:38" ht="25.5">
      <c r="A262" s="57" t="s">
        <v>442</v>
      </c>
      <c r="B262" s="214">
        <v>113</v>
      </c>
      <c r="C262" s="84">
        <v>5.86</v>
      </c>
      <c r="D262" s="85">
        <v>0.1764</v>
      </c>
    </row>
    <row r="263" spans="1:38">
      <c r="P263" s="266"/>
      <c r="Q263" s="266"/>
      <c r="R263" s="266"/>
      <c r="S263" s="266"/>
      <c r="T263" s="266"/>
      <c r="U263" s="266"/>
      <c r="V263" s="266"/>
      <c r="W263" s="266"/>
      <c r="X263" s="266"/>
      <c r="Y263" s="266"/>
      <c r="Z263" s="266"/>
      <c r="AA263" s="266"/>
      <c r="AB263" s="266"/>
      <c r="AC263" s="266"/>
      <c r="AD263" s="266"/>
      <c r="AE263" s="266"/>
      <c r="AF263" s="266"/>
      <c r="AG263" s="266"/>
      <c r="AH263" s="266"/>
    </row>
    <row r="264" spans="1:38" ht="18.75">
      <c r="A264" s="367" t="s">
        <v>53</v>
      </c>
      <c r="B264" s="367"/>
      <c r="C264" s="367"/>
      <c r="D264" s="367"/>
      <c r="E264" s="367"/>
      <c r="F264" s="367"/>
      <c r="G264" s="367"/>
      <c r="H264" s="367"/>
      <c r="I264" s="367"/>
      <c r="J264" s="367"/>
      <c r="K264" s="367"/>
      <c r="L264" s="367"/>
      <c r="M264" s="367"/>
      <c r="N264" s="367"/>
      <c r="O264" s="367"/>
      <c r="P264" s="367"/>
      <c r="Q264" s="367"/>
      <c r="R264" s="367"/>
      <c r="S264" s="367"/>
      <c r="T264" s="236"/>
      <c r="U264" s="236"/>
      <c r="V264" s="236"/>
      <c r="W264" s="266"/>
      <c r="X264" s="266"/>
      <c r="Y264" s="266"/>
      <c r="Z264" s="266"/>
      <c r="AA264" s="266"/>
      <c r="AB264" s="266"/>
      <c r="AC264" s="266"/>
      <c r="AD264" s="266"/>
      <c r="AE264" s="266"/>
      <c r="AF264" s="266"/>
      <c r="AG264" s="266"/>
      <c r="AH264" s="266"/>
    </row>
    <row r="265" spans="1:38" ht="44.25" customHeight="1">
      <c r="A265" s="423" t="s">
        <v>508</v>
      </c>
      <c r="B265" s="423"/>
      <c r="C265" s="423"/>
      <c r="D265" s="423"/>
      <c r="E265" s="423"/>
      <c r="F265" s="423"/>
      <c r="G265" s="423"/>
      <c r="H265" s="423"/>
      <c r="I265" s="423"/>
      <c r="J265" s="423"/>
      <c r="K265" s="423"/>
      <c r="L265" s="423"/>
      <c r="M265" s="423"/>
      <c r="N265" s="423"/>
      <c r="O265" s="423"/>
      <c r="P265" s="423"/>
      <c r="Q265" s="423"/>
      <c r="R265" s="423"/>
      <c r="S265" s="423"/>
      <c r="T265" s="267"/>
      <c r="U265" s="267"/>
      <c r="V265" s="267"/>
      <c r="W265" s="266"/>
      <c r="X265" s="266"/>
      <c r="Y265" s="266"/>
      <c r="Z265" s="266"/>
      <c r="AA265" s="266"/>
      <c r="AB265" s="266"/>
      <c r="AC265" s="266"/>
      <c r="AD265" s="266"/>
      <c r="AE265" s="266"/>
      <c r="AF265" s="266"/>
      <c r="AG265" s="266"/>
      <c r="AH265" s="266"/>
    </row>
    <row r="266" spans="1:38" ht="35.25" customHeight="1">
      <c r="A266" s="64"/>
      <c r="B266" s="402" t="s">
        <v>282</v>
      </c>
      <c r="C266" s="403"/>
      <c r="D266" s="403"/>
      <c r="E266" s="403"/>
      <c r="F266" s="403"/>
      <c r="G266" s="403"/>
      <c r="H266" s="403"/>
      <c r="I266" s="403"/>
      <c r="J266" s="404"/>
      <c r="K266" s="402" t="s">
        <v>283</v>
      </c>
      <c r="L266" s="403"/>
      <c r="M266" s="403"/>
      <c r="N266" s="403"/>
      <c r="O266" s="403"/>
      <c r="P266" s="403"/>
      <c r="Q266" s="403"/>
      <c r="R266" s="403"/>
      <c r="S266" s="404"/>
      <c r="T266" s="266"/>
      <c r="U266" s="266"/>
      <c r="V266" s="266"/>
      <c r="W266" s="266"/>
      <c r="X266" s="266"/>
      <c r="Y266" s="266"/>
      <c r="Z266" s="266"/>
      <c r="AA266" s="266"/>
      <c r="AB266" s="266"/>
      <c r="AC266" s="266"/>
      <c r="AD266" s="266"/>
      <c r="AE266" s="266"/>
      <c r="AF266" s="266"/>
      <c r="AG266" s="266"/>
      <c r="AH266" s="266"/>
      <c r="AI266" s="266"/>
      <c r="AJ266" s="266"/>
      <c r="AK266" s="266"/>
      <c r="AL266" s="266"/>
    </row>
    <row r="267" spans="1:38" ht="59.25" customHeight="1">
      <c r="A267" s="37" t="s">
        <v>85</v>
      </c>
      <c r="B267" s="38" t="s">
        <v>86</v>
      </c>
      <c r="C267" s="38" t="s">
        <v>258</v>
      </c>
      <c r="D267" s="89" t="s">
        <v>350</v>
      </c>
      <c r="E267" s="38" t="s">
        <v>351</v>
      </c>
      <c r="F267" s="89" t="s">
        <v>319</v>
      </c>
      <c r="G267" s="38" t="s">
        <v>352</v>
      </c>
      <c r="H267" s="89" t="s">
        <v>320</v>
      </c>
      <c r="I267" s="38" t="s">
        <v>356</v>
      </c>
      <c r="J267" s="89" t="s">
        <v>370</v>
      </c>
      <c r="K267" s="65" t="s">
        <v>86</v>
      </c>
      <c r="L267" s="65" t="s">
        <v>258</v>
      </c>
      <c r="M267" s="88" t="s">
        <v>350</v>
      </c>
      <c r="N267" s="65" t="s">
        <v>351</v>
      </c>
      <c r="O267" s="88" t="s">
        <v>319</v>
      </c>
      <c r="P267" s="65" t="s">
        <v>352</v>
      </c>
      <c r="Q267" s="269" t="s">
        <v>320</v>
      </c>
      <c r="R267" s="65" t="s">
        <v>356</v>
      </c>
      <c r="S267" s="88" t="s">
        <v>370</v>
      </c>
      <c r="T267" s="266"/>
      <c r="U267" s="266"/>
      <c r="V267" s="266"/>
      <c r="W267" s="266"/>
      <c r="X267" s="266"/>
      <c r="Y267" s="266"/>
      <c r="Z267" s="266"/>
      <c r="AA267" s="266"/>
      <c r="AB267" s="266"/>
      <c r="AC267" s="266"/>
      <c r="AD267" s="266"/>
      <c r="AE267" s="266"/>
      <c r="AF267" s="266"/>
      <c r="AG267" s="266"/>
      <c r="AH267" s="266"/>
      <c r="AI267" s="266"/>
      <c r="AJ267" s="266"/>
      <c r="AK267" s="266"/>
      <c r="AL267" s="266"/>
    </row>
    <row r="268" spans="1:38" ht="72">
      <c r="A268" s="41"/>
      <c r="B268" s="42" t="s">
        <v>89</v>
      </c>
      <c r="C268" s="42" t="s">
        <v>182</v>
      </c>
      <c r="D268" s="91" t="s">
        <v>104</v>
      </c>
      <c r="E268" s="42" t="s">
        <v>183</v>
      </c>
      <c r="F268" s="91" t="s">
        <v>104</v>
      </c>
      <c r="G268" s="42" t="s">
        <v>184</v>
      </c>
      <c r="H268" s="91" t="s">
        <v>104</v>
      </c>
      <c r="I268" s="42" t="s">
        <v>356</v>
      </c>
      <c r="J268" s="91" t="s">
        <v>104</v>
      </c>
      <c r="K268" s="68" t="s">
        <v>89</v>
      </c>
      <c r="L268" s="68" t="s">
        <v>182</v>
      </c>
      <c r="M268" s="90" t="s">
        <v>104</v>
      </c>
      <c r="N268" s="68" t="s">
        <v>183</v>
      </c>
      <c r="O268" s="90" t="s">
        <v>104</v>
      </c>
      <c r="P268" s="68" t="s">
        <v>184</v>
      </c>
      <c r="Q268" s="283" t="s">
        <v>104</v>
      </c>
      <c r="R268" s="68" t="s">
        <v>356</v>
      </c>
      <c r="S268" s="90" t="s">
        <v>104</v>
      </c>
    </row>
    <row r="269" spans="1:38">
      <c r="A269" s="45" t="s">
        <v>430</v>
      </c>
      <c r="B269" s="214">
        <v>10996</v>
      </c>
      <c r="C269" s="218">
        <v>0.08</v>
      </c>
      <c r="D269" s="94">
        <v>5.1778643397893511E-3</v>
      </c>
      <c r="E269" s="218">
        <v>0.114</v>
      </c>
      <c r="F269" s="94">
        <v>6.0636724853184573E-3</v>
      </c>
      <c r="G269" s="218">
        <v>0.79800000000000004</v>
      </c>
      <c r="H269" s="94">
        <v>7.6576894921402067E-3</v>
      </c>
      <c r="I269" s="218">
        <v>8.0000000000000002E-3</v>
      </c>
      <c r="J269" s="94">
        <v>1.7175050125100056E-3</v>
      </c>
      <c r="K269" s="214">
        <v>10971</v>
      </c>
      <c r="L269" s="220">
        <v>7.2999999999999995E-2</v>
      </c>
      <c r="M269" s="94">
        <v>4.9711286993327228E-3</v>
      </c>
      <c r="N269" s="218">
        <v>0.13200000000000001</v>
      </c>
      <c r="O269" s="94">
        <v>6.4648958237158291E-3</v>
      </c>
      <c r="P269" s="218">
        <v>0.78800000000000003</v>
      </c>
      <c r="Q269" s="284">
        <v>7.8043606594874375E-3</v>
      </c>
      <c r="R269" s="218">
        <v>8.0000000000000002E-3</v>
      </c>
      <c r="S269" s="94">
        <v>1.7195025405736641E-3</v>
      </c>
    </row>
    <row r="270" spans="1:38">
      <c r="A270" s="49" t="s">
        <v>431</v>
      </c>
      <c r="B270" s="215">
        <v>8848</v>
      </c>
      <c r="C270" s="219">
        <v>0.08</v>
      </c>
      <c r="D270" s="97">
        <v>5.77321775012638E-3</v>
      </c>
      <c r="E270" s="219">
        <v>0.09</v>
      </c>
      <c r="F270" s="97">
        <v>6.0891066032065476E-3</v>
      </c>
      <c r="G270" s="219">
        <v>0.82599999999999996</v>
      </c>
      <c r="H270" s="97">
        <v>8.0615578238856928E-3</v>
      </c>
      <c r="I270" s="219">
        <v>4.0000000000000001E-3</v>
      </c>
      <c r="J270" s="97">
        <v>1.3786649574526128E-3</v>
      </c>
      <c r="K270" s="215">
        <v>8824</v>
      </c>
      <c r="L270" s="219">
        <v>6.8000000000000005E-2</v>
      </c>
      <c r="M270" s="97">
        <v>5.3658657756638396E-3</v>
      </c>
      <c r="N270" s="219">
        <v>0.12</v>
      </c>
      <c r="O270" s="97">
        <v>6.9214908231813605E-3</v>
      </c>
      <c r="P270" s="219">
        <v>0.80900000000000005</v>
      </c>
      <c r="Q270" s="285">
        <v>8.3697273672447038E-3</v>
      </c>
      <c r="R270" s="219">
        <v>3.0000000000000001E-3</v>
      </c>
      <c r="S270" s="97">
        <v>1.2069108323037394E-3</v>
      </c>
    </row>
    <row r="271" spans="1:38">
      <c r="A271" s="45" t="s">
        <v>432</v>
      </c>
      <c r="B271" s="214">
        <v>1983</v>
      </c>
      <c r="C271" s="218">
        <v>8.2600000000000007E-2</v>
      </c>
      <c r="D271" s="94">
        <v>1.2407928405831475E-2</v>
      </c>
      <c r="E271" s="218">
        <v>0.16009999999999999</v>
      </c>
      <c r="F271" s="94">
        <v>1.64812301671046E-2</v>
      </c>
      <c r="G271" s="218">
        <v>0.74270000000000003</v>
      </c>
      <c r="H271" s="94">
        <v>1.9625770367670839E-2</v>
      </c>
      <c r="I271" s="218">
        <v>1.4500000000000001E-2</v>
      </c>
      <c r="J271" s="94">
        <v>5.5385012559716019E-3</v>
      </c>
      <c r="K271" s="214">
        <v>1984</v>
      </c>
      <c r="L271" s="220">
        <v>6.2300000000000001E-2</v>
      </c>
      <c r="M271" s="94">
        <v>1.0912942979242916E-2</v>
      </c>
      <c r="N271" s="218">
        <v>0.1482</v>
      </c>
      <c r="O271" s="94">
        <v>1.5968675332372655E-2</v>
      </c>
      <c r="P271" s="218">
        <v>0.77449999999999997</v>
      </c>
      <c r="Q271" s="284">
        <v>1.8762127681943033E-2</v>
      </c>
      <c r="R271" s="218">
        <v>1.4999999999999999E-2</v>
      </c>
      <c r="S271" s="94">
        <v>5.624147989777231E-3</v>
      </c>
    </row>
    <row r="272" spans="1:38">
      <c r="A272" s="49" t="s">
        <v>433</v>
      </c>
      <c r="B272" s="215">
        <v>133</v>
      </c>
      <c r="C272" s="219">
        <v>2.5999999999999999E-2</v>
      </c>
      <c r="D272" s="97">
        <v>3.3419360177043028E-2</v>
      </c>
      <c r="E272" s="219">
        <v>0.14899999999999999</v>
      </c>
      <c r="F272" s="97">
        <v>6.252315048815453E-2</v>
      </c>
      <c r="G272" s="219">
        <v>0.81799999999999995</v>
      </c>
      <c r="H272" s="97">
        <v>6.7205936036358757E-2</v>
      </c>
      <c r="I272" s="219">
        <v>7.0000000000000001E-3</v>
      </c>
      <c r="J272" s="97">
        <v>2.4724142565546402E-2</v>
      </c>
      <c r="K272" s="215">
        <v>133</v>
      </c>
      <c r="L272" s="219">
        <v>7.0000000000000007E-2</v>
      </c>
      <c r="M272" s="97">
        <v>4.7025217239316776E-2</v>
      </c>
      <c r="N272" s="219">
        <v>0.23300000000000001</v>
      </c>
      <c r="O272" s="97">
        <v>7.3058938234396756E-2</v>
      </c>
      <c r="P272" s="219">
        <v>0.69</v>
      </c>
      <c r="Q272" s="285">
        <v>7.940973024058369E-2</v>
      </c>
      <c r="R272" s="219">
        <v>7.0000000000000001E-3</v>
      </c>
      <c r="S272" s="97">
        <v>2.4724142565546402E-2</v>
      </c>
    </row>
    <row r="273" spans="1:19">
      <c r="A273" s="45" t="s">
        <v>434</v>
      </c>
      <c r="B273" s="214">
        <v>3070</v>
      </c>
      <c r="C273" s="218">
        <v>7.6999999999999999E-2</v>
      </c>
      <c r="D273" s="94">
        <v>9.6480926954708186E-3</v>
      </c>
      <c r="E273" s="218">
        <v>0.123</v>
      </c>
      <c r="F273" s="94">
        <v>1.1867882889998379E-2</v>
      </c>
      <c r="G273" s="218">
        <v>0.79200000000000004</v>
      </c>
      <c r="H273" s="94">
        <v>1.4650904246055165E-2</v>
      </c>
      <c r="I273" s="218">
        <v>8.9999999999999993E-3</v>
      </c>
      <c r="J273" s="94">
        <v>3.5244288165626816E-3</v>
      </c>
      <c r="K273" s="214">
        <v>3069</v>
      </c>
      <c r="L273" s="220">
        <v>7.1999999999999995E-2</v>
      </c>
      <c r="M273" s="94">
        <v>9.359061315772613E-3</v>
      </c>
      <c r="N273" s="218">
        <v>0.154</v>
      </c>
      <c r="O273" s="94">
        <v>1.3038053201171738E-2</v>
      </c>
      <c r="P273" s="218">
        <v>0.76700000000000002</v>
      </c>
      <c r="Q273" s="284">
        <v>1.5259826566881497E-2</v>
      </c>
      <c r="R273" s="218">
        <v>7.0000000000000001E-3</v>
      </c>
      <c r="S273" s="94">
        <v>3.14179955393093E-3</v>
      </c>
    </row>
    <row r="274" spans="1:19">
      <c r="A274" s="49" t="s">
        <v>435</v>
      </c>
      <c r="B274" s="215">
        <v>2479</v>
      </c>
      <c r="C274" s="219">
        <v>6.6000000000000003E-2</v>
      </c>
      <c r="D274" s="97">
        <v>1.0014116260592764E-2</v>
      </c>
      <c r="E274" s="219">
        <v>0.1</v>
      </c>
      <c r="F274" s="97">
        <v>1.20754168057895E-2</v>
      </c>
      <c r="G274" s="219">
        <v>0.82799999999999996</v>
      </c>
      <c r="H274" s="97">
        <v>1.5165211618234139E-2</v>
      </c>
      <c r="I274" s="219">
        <v>6.0000000000000001E-3</v>
      </c>
      <c r="J274" s="97">
        <v>3.2974754409609572E-3</v>
      </c>
      <c r="K274" s="215">
        <v>2478</v>
      </c>
      <c r="L274" s="219">
        <v>7.1999999999999995E-2</v>
      </c>
      <c r="M274" s="97">
        <v>1.0422652775500032E-2</v>
      </c>
      <c r="N274" s="219">
        <v>0.13800000000000001</v>
      </c>
      <c r="O274" s="97">
        <v>1.3870474941072512E-2</v>
      </c>
      <c r="P274" s="219">
        <v>0.78600000000000003</v>
      </c>
      <c r="Q274" s="285">
        <v>1.6477339358366799E-2</v>
      </c>
      <c r="R274" s="219">
        <v>4.0000000000000001E-3</v>
      </c>
      <c r="S274" s="97">
        <v>2.7744435008269621E-3</v>
      </c>
    </row>
    <row r="275" spans="1:19">
      <c r="A275" s="45" t="s">
        <v>452</v>
      </c>
      <c r="B275" s="214">
        <v>93</v>
      </c>
      <c r="C275" s="218">
        <v>0.153</v>
      </c>
      <c r="D275" s="94">
        <v>7.5795950638062701E-2</v>
      </c>
      <c r="E275" s="218">
        <v>0.14799999999999999</v>
      </c>
      <c r="F275" s="94">
        <v>7.4916912851118941E-2</v>
      </c>
      <c r="G275" s="218">
        <v>0.69</v>
      </c>
      <c r="H275" s="94">
        <v>9.4556137595096679E-2</v>
      </c>
      <c r="I275" s="218">
        <v>0.01</v>
      </c>
      <c r="J275" s="94">
        <v>3.4756159089575217E-2</v>
      </c>
      <c r="K275" s="214">
        <v>93</v>
      </c>
      <c r="L275" s="220">
        <v>5.6000000000000001E-2</v>
      </c>
      <c r="M275" s="94">
        <v>5.3259686501603787E-2</v>
      </c>
      <c r="N275" s="218">
        <v>0.114</v>
      </c>
      <c r="O275" s="94">
        <v>6.8274449876848234E-2</v>
      </c>
      <c r="P275" s="218">
        <v>0.82</v>
      </c>
      <c r="Q275" s="284">
        <v>8.0172810691492444E-2</v>
      </c>
      <c r="R275" s="218">
        <v>0.01</v>
      </c>
      <c r="S275" s="94">
        <v>3.4756159089575217E-2</v>
      </c>
    </row>
    <row r="276" spans="1:19">
      <c r="A276" s="49" t="s">
        <v>172</v>
      </c>
      <c r="B276" s="215">
        <v>246</v>
      </c>
      <c r="C276" s="219">
        <v>4.3999999999999997E-2</v>
      </c>
      <c r="D276" s="97">
        <v>2.7904041394464708E-2</v>
      </c>
      <c r="E276" s="219">
        <v>0.112</v>
      </c>
      <c r="F276" s="97">
        <v>4.0838191681023289E-2</v>
      </c>
      <c r="G276" s="219">
        <v>0.84399999999999997</v>
      </c>
      <c r="H276" s="97">
        <v>4.6548118412498694E-2</v>
      </c>
      <c r="I276" s="219">
        <v>0</v>
      </c>
      <c r="J276" s="97">
        <v>1.1268362791461766E-2</v>
      </c>
      <c r="K276" s="215">
        <v>245</v>
      </c>
      <c r="L276" s="219">
        <v>0.06</v>
      </c>
      <c r="M276" s="97">
        <v>3.1703982199997843E-2</v>
      </c>
      <c r="N276" s="219">
        <v>9.2999999999999999E-2</v>
      </c>
      <c r="O276" s="97">
        <v>3.7945280573963631E-2</v>
      </c>
      <c r="P276" s="219">
        <v>0.84599999999999997</v>
      </c>
      <c r="Q276" s="285">
        <v>4.6413438580765264E-2</v>
      </c>
      <c r="R276" s="219">
        <v>0</v>
      </c>
      <c r="S276" s="97">
        <v>1.131343404848041E-2</v>
      </c>
    </row>
    <row r="277" spans="1:19" ht="25.5">
      <c r="A277" s="45" t="s">
        <v>436</v>
      </c>
      <c r="B277" s="214">
        <v>97</v>
      </c>
      <c r="C277" s="218">
        <v>7.5999999999999998E-2</v>
      </c>
      <c r="D277" s="94">
        <v>5.774018599708431E-2</v>
      </c>
      <c r="E277" s="218">
        <v>9.6000000000000002E-2</v>
      </c>
      <c r="F277" s="94">
        <v>6.2760269957581563E-2</v>
      </c>
      <c r="G277" s="218">
        <v>0.82799999999999996</v>
      </c>
      <c r="H277" s="94">
        <v>7.7272505396331362E-2</v>
      </c>
      <c r="I277" s="218">
        <v>0</v>
      </c>
      <c r="J277" s="94">
        <v>2.7725572981612018E-2</v>
      </c>
      <c r="K277" s="214">
        <v>96</v>
      </c>
      <c r="L277" s="220">
        <v>0.109</v>
      </c>
      <c r="M277" s="94">
        <v>6.6062052768590229E-2</v>
      </c>
      <c r="N277" s="218">
        <v>4.8000000000000001E-2</v>
      </c>
      <c r="O277" s="94">
        <v>4.9684377262878117E-2</v>
      </c>
      <c r="P277" s="218">
        <v>0.84299999999999997</v>
      </c>
      <c r="Q277" s="284">
        <v>7.5252822299233399E-2</v>
      </c>
      <c r="R277" s="218">
        <v>0</v>
      </c>
      <c r="S277" s="94">
        <v>2.8000000000000001E-2</v>
      </c>
    </row>
    <row r="278" spans="1:19" ht="25.5">
      <c r="A278" s="49" t="s">
        <v>437</v>
      </c>
      <c r="B278" s="215">
        <v>116</v>
      </c>
      <c r="C278" s="219">
        <v>4.1000000000000002E-2</v>
      </c>
      <c r="D278" s="97">
        <v>4.2083373597340476E-2</v>
      </c>
      <c r="E278" s="219">
        <v>9.4E-2</v>
      </c>
      <c r="F278" s="97">
        <v>5.6559678085940208E-2</v>
      </c>
      <c r="G278" s="219">
        <v>0.86499999999999999</v>
      </c>
      <c r="H278" s="97">
        <v>6.4680919105222182E-2</v>
      </c>
      <c r="I278" s="219">
        <v>0</v>
      </c>
      <c r="J278" s="97">
        <v>2.3372982186625143E-2</v>
      </c>
      <c r="K278" s="215">
        <v>116</v>
      </c>
      <c r="L278" s="219">
        <v>5.2999999999999999E-2</v>
      </c>
      <c r="M278" s="97">
        <v>4.5930959058134206E-2</v>
      </c>
      <c r="N278" s="219">
        <v>0.113</v>
      </c>
      <c r="O278" s="97">
        <v>6.0566544670579758E-2</v>
      </c>
      <c r="P278" s="219">
        <v>0.83399999999999996</v>
      </c>
      <c r="Q278" s="285">
        <v>6.9703446962962448E-2</v>
      </c>
      <c r="R278" s="219">
        <v>0</v>
      </c>
      <c r="S278" s="97">
        <v>2.3372982186625143E-2</v>
      </c>
    </row>
    <row r="279" spans="1:19">
      <c r="A279" s="45" t="s">
        <v>453</v>
      </c>
      <c r="B279" s="214">
        <v>539</v>
      </c>
      <c r="C279" s="218">
        <v>0.08</v>
      </c>
      <c r="D279" s="94">
        <v>2.3690658760110828E-2</v>
      </c>
      <c r="E279" s="218">
        <v>0.13400000000000001</v>
      </c>
      <c r="F279" s="94">
        <v>2.9484246807336089E-2</v>
      </c>
      <c r="G279" s="218">
        <v>0.78300000000000003</v>
      </c>
      <c r="H279" s="94">
        <v>3.550079524955476E-2</v>
      </c>
      <c r="I279" s="218">
        <v>2E-3</v>
      </c>
      <c r="J279" s="94">
        <v>6.4436222275473486E-3</v>
      </c>
      <c r="K279" s="214">
        <v>542</v>
      </c>
      <c r="L279" s="220">
        <v>7.0999999999999994E-2</v>
      </c>
      <c r="M279" s="94">
        <v>2.2425406490090539E-2</v>
      </c>
      <c r="N279" s="218">
        <v>0.184</v>
      </c>
      <c r="O279" s="94">
        <v>3.3326196920904966E-2</v>
      </c>
      <c r="P279" s="218">
        <v>0.745</v>
      </c>
      <c r="Q279" s="284">
        <v>3.7392215367256065E-2</v>
      </c>
      <c r="R279" s="218">
        <v>0</v>
      </c>
      <c r="S279" s="94">
        <v>5.1707730819453472E-3</v>
      </c>
    </row>
    <row r="280" spans="1:19" ht="25.5">
      <c r="A280" s="49" t="s">
        <v>438</v>
      </c>
      <c r="B280" s="215">
        <v>82</v>
      </c>
      <c r="C280" s="219">
        <v>0.11</v>
      </c>
      <c r="D280" s="97">
        <v>7.2085154580264849E-2</v>
      </c>
      <c r="E280" s="219">
        <v>0.151</v>
      </c>
      <c r="F280" s="97">
        <v>8.0482795976919305E-2</v>
      </c>
      <c r="G280" s="219">
        <v>0.74</v>
      </c>
      <c r="H280" s="97">
        <v>9.5876260281271039E-2</v>
      </c>
      <c r="I280" s="219">
        <v>0</v>
      </c>
      <c r="J280" s="97">
        <v>3.2504011252172456E-2</v>
      </c>
      <c r="K280" s="215">
        <v>82</v>
      </c>
      <c r="L280" s="219">
        <v>0.16700000000000001</v>
      </c>
      <c r="M280" s="97">
        <v>8.3300064531051127E-2</v>
      </c>
      <c r="N280" s="219">
        <v>0.24199999999999999</v>
      </c>
      <c r="O280" s="97">
        <v>9.3878694613450941E-2</v>
      </c>
      <c r="P280" s="219">
        <v>0.59099999999999997</v>
      </c>
      <c r="Q280" s="285">
        <v>0.10619670450652452</v>
      </c>
      <c r="R280" s="219">
        <v>0</v>
      </c>
      <c r="S280" s="97">
        <v>3.2504011252172456E-2</v>
      </c>
    </row>
    <row r="281" spans="1:19" ht="32.25" customHeight="1">
      <c r="A281" s="45" t="s">
        <v>439</v>
      </c>
      <c r="B281" s="214">
        <v>77</v>
      </c>
      <c r="C281" s="218">
        <v>3.5000000000000003E-2</v>
      </c>
      <c r="D281" s="94">
        <v>5.1927422231711796E-2</v>
      </c>
      <c r="E281" s="218">
        <v>9.6000000000000002E-2</v>
      </c>
      <c r="F281" s="94">
        <v>7.1147932007260051E-2</v>
      </c>
      <c r="G281" s="218">
        <v>0.86899999999999999</v>
      </c>
      <c r="H281" s="94">
        <v>7.9179418268870483E-2</v>
      </c>
      <c r="I281" s="218">
        <v>0</v>
      </c>
      <c r="J281" s="94">
        <v>3.4485061975244265E-2</v>
      </c>
      <c r="K281" s="214">
        <v>79</v>
      </c>
      <c r="L281" s="220">
        <v>0.122</v>
      </c>
      <c r="M281" s="94">
        <v>7.6222912643736193E-2</v>
      </c>
      <c r="N281" s="218">
        <v>8.2000000000000003E-2</v>
      </c>
      <c r="O281" s="94">
        <v>6.648165375498799E-2</v>
      </c>
      <c r="P281" s="218">
        <v>0.79700000000000004</v>
      </c>
      <c r="Q281" s="284">
        <v>9.0537405723015746E-2</v>
      </c>
      <c r="R281" s="218">
        <v>0</v>
      </c>
      <c r="S281" s="94">
        <v>3.3664360151118053E-2</v>
      </c>
    </row>
    <row r="282" spans="1:19">
      <c r="A282" s="49" t="s">
        <v>440</v>
      </c>
      <c r="B282" s="215">
        <v>79</v>
      </c>
      <c r="C282" s="219">
        <v>8.1000000000000003E-2</v>
      </c>
      <c r="D282" s="97">
        <v>6.6206247353674377E-2</v>
      </c>
      <c r="E282" s="219">
        <v>0.14099999999999999</v>
      </c>
      <c r="F282" s="97">
        <v>8.0133001902046377E-2</v>
      </c>
      <c r="G282" s="219">
        <v>0.77700000000000002</v>
      </c>
      <c r="H282" s="97">
        <v>9.3264324420391495E-2</v>
      </c>
      <c r="I282" s="219">
        <v>0</v>
      </c>
      <c r="J282" s="97">
        <v>3.3664360151118053E-2</v>
      </c>
      <c r="K282" s="215">
        <v>79</v>
      </c>
      <c r="L282" s="219">
        <v>1.2999999999999999E-2</v>
      </c>
      <c r="M282" s="97">
        <v>4.1151982432453285E-2</v>
      </c>
      <c r="N282" s="219">
        <v>0.28699999999999998</v>
      </c>
      <c r="O282" s="97">
        <v>0.10033643266792626</v>
      </c>
      <c r="P282" s="219">
        <v>0.7</v>
      </c>
      <c r="Q282" s="285">
        <v>0.10149782357672657</v>
      </c>
      <c r="R282" s="219">
        <v>0</v>
      </c>
      <c r="S282" s="97">
        <v>3.3664360151118053E-2</v>
      </c>
    </row>
    <row r="283" spans="1:19">
      <c r="A283" s="57" t="s">
        <v>441</v>
      </c>
      <c r="B283" s="214">
        <v>74</v>
      </c>
      <c r="C283" s="218">
        <v>0.11799999999999999</v>
      </c>
      <c r="D283" s="94">
        <v>7.8006839295371777E-2</v>
      </c>
      <c r="E283" s="218">
        <v>0.157</v>
      </c>
      <c r="F283" s="94">
        <v>8.5966053235404308E-2</v>
      </c>
      <c r="G283" s="218">
        <v>0.71</v>
      </c>
      <c r="H283" s="94">
        <v>0.10385075597954931</v>
      </c>
      <c r="I283" s="218">
        <v>1.4999999999999999E-2</v>
      </c>
      <c r="J283" s="94">
        <v>4.4307801504114591E-2</v>
      </c>
      <c r="K283" s="214">
        <v>73</v>
      </c>
      <c r="L283" s="220">
        <v>3.7999999999999999E-2</v>
      </c>
      <c r="M283" s="94">
        <v>5.4964451321657976E-2</v>
      </c>
      <c r="N283" s="218">
        <v>0.123</v>
      </c>
      <c r="O283" s="94">
        <v>7.9692297862080153E-2</v>
      </c>
      <c r="P283" s="218">
        <v>0.83799999999999997</v>
      </c>
      <c r="Q283" s="284">
        <v>8.7480523286442943E-2</v>
      </c>
      <c r="R283" s="218">
        <v>0</v>
      </c>
      <c r="S283" s="94">
        <v>3.6252631573966396E-2</v>
      </c>
    </row>
    <row r="284" spans="1:19" ht="25.5">
      <c r="A284" s="49" t="s">
        <v>442</v>
      </c>
      <c r="B284" s="215">
        <v>113</v>
      </c>
      <c r="C284" s="219">
        <v>5.6000000000000001E-2</v>
      </c>
      <c r="D284" s="97">
        <v>4.7542322228555922E-2</v>
      </c>
      <c r="E284" s="219">
        <v>9.2999999999999999E-2</v>
      </c>
      <c r="F284" s="97">
        <v>5.7134961891544177E-2</v>
      </c>
      <c r="G284" s="219">
        <v>0.85</v>
      </c>
      <c r="H284" s="97">
        <v>6.8120779544968979E-2</v>
      </c>
      <c r="I284" s="219">
        <v>0</v>
      </c>
      <c r="J284" s="97">
        <v>2.3967079753657358E-2</v>
      </c>
      <c r="K284" s="215">
        <v>113</v>
      </c>
      <c r="L284" s="219">
        <v>6.0999999999999999E-2</v>
      </c>
      <c r="M284" s="97">
        <v>4.9000696939120562E-2</v>
      </c>
      <c r="N284" s="219">
        <v>4.9000000000000002E-2</v>
      </c>
      <c r="O284" s="97">
        <v>4.5392503310001282E-2</v>
      </c>
      <c r="P284" s="219">
        <v>0.89</v>
      </c>
      <c r="Q284" s="285">
        <v>6.0798735429444271E-2</v>
      </c>
      <c r="R284" s="219">
        <v>0</v>
      </c>
      <c r="S284" s="97">
        <v>2.3967079753657358E-2</v>
      </c>
    </row>
    <row r="285" spans="1:19">
      <c r="A285" s="57" t="s">
        <v>443</v>
      </c>
      <c r="B285" s="214">
        <v>169</v>
      </c>
      <c r="C285" s="218">
        <v>0.08</v>
      </c>
      <c r="D285" s="94">
        <v>4.34529636734651E-2</v>
      </c>
      <c r="E285" s="218">
        <v>0.14499999999999999</v>
      </c>
      <c r="F285" s="94">
        <v>5.4769168340875689E-2</v>
      </c>
      <c r="G285" s="218">
        <v>0.77400000000000002</v>
      </c>
      <c r="H285" s="94">
        <v>6.4217042922257633E-2</v>
      </c>
      <c r="I285" s="218">
        <v>0</v>
      </c>
      <c r="J285" s="94">
        <v>1.6254510448561185E-2</v>
      </c>
      <c r="K285" s="214">
        <v>171</v>
      </c>
      <c r="L285" s="220">
        <v>7.3999999999999996E-2</v>
      </c>
      <c r="M285" s="94">
        <v>4.1877435796316795E-2</v>
      </c>
      <c r="N285" s="218">
        <v>0.20100000000000001</v>
      </c>
      <c r="O285" s="94">
        <v>6.1344776542502484E-2</v>
      </c>
      <c r="P285" s="218">
        <v>0.72399999999999998</v>
      </c>
      <c r="Q285" s="284">
        <v>6.7964956617362737E-2</v>
      </c>
      <c r="R285" s="218">
        <v>0</v>
      </c>
      <c r="S285" s="94">
        <v>1.6069818513455389E-2</v>
      </c>
    </row>
    <row r="286" spans="1:19">
      <c r="A286" s="49" t="s">
        <v>455</v>
      </c>
      <c r="B286" s="215">
        <v>150</v>
      </c>
      <c r="C286" s="219">
        <v>0.02</v>
      </c>
      <c r="D286" s="97">
        <v>2.8564527908289217E-2</v>
      </c>
      <c r="E286" s="219">
        <v>3.6999999999999998E-2</v>
      </c>
      <c r="F286" s="97">
        <v>3.4799025175471211E-2</v>
      </c>
      <c r="G286" s="219">
        <v>0.94299999999999995</v>
      </c>
      <c r="H286" s="97">
        <v>4.0712279603234029E-2</v>
      </c>
      <c r="I286" s="219">
        <v>0</v>
      </c>
      <c r="J286" s="97">
        <v>1.8246757748421008E-2</v>
      </c>
      <c r="K286" s="215">
        <v>149</v>
      </c>
      <c r="L286" s="219">
        <v>3.7999999999999999E-2</v>
      </c>
      <c r="M286" s="97">
        <v>3.5265781553744734E-2</v>
      </c>
      <c r="N286" s="219">
        <v>4.4999999999999998E-2</v>
      </c>
      <c r="O286" s="97">
        <v>3.7454402943446291E-2</v>
      </c>
      <c r="P286" s="219">
        <v>0.91700000000000004</v>
      </c>
      <c r="Q286" s="285">
        <v>4.716384528253223E-2</v>
      </c>
      <c r="R286" s="219">
        <v>0</v>
      </c>
      <c r="S286" s="97">
        <v>1.8365227853566944E-2</v>
      </c>
    </row>
    <row r="287" spans="1:19">
      <c r="A287" s="57" t="s">
        <v>444</v>
      </c>
      <c r="B287" s="214">
        <v>89</v>
      </c>
      <c r="C287" s="218">
        <v>0</v>
      </c>
      <c r="D287" s="94">
        <v>3.0084393934100805E-2</v>
      </c>
      <c r="E287" s="218">
        <v>5.2999999999999999E-2</v>
      </c>
      <c r="F287" s="94">
        <v>5.3685359464367637E-2</v>
      </c>
      <c r="G287" s="218">
        <v>0.94699999999999995</v>
      </c>
      <c r="H287" s="94">
        <v>5.3685359464367644E-2</v>
      </c>
      <c r="I287" s="218">
        <v>0</v>
      </c>
      <c r="J287" s="94">
        <v>3.0084393934100805E-2</v>
      </c>
      <c r="K287" s="214">
        <v>89</v>
      </c>
      <c r="L287" s="220">
        <v>1.7000000000000001E-2</v>
      </c>
      <c r="M287" s="94">
        <v>3.9538903585973485E-2</v>
      </c>
      <c r="N287" s="218">
        <v>2.5999999999999999E-2</v>
      </c>
      <c r="O287" s="94">
        <v>4.3618746106649502E-2</v>
      </c>
      <c r="P287" s="218">
        <v>0.95699999999999996</v>
      </c>
      <c r="Q287" s="284">
        <v>5.0259605799691562E-2</v>
      </c>
      <c r="R287" s="218">
        <v>0</v>
      </c>
      <c r="S287" s="94">
        <v>3.0084393934100805E-2</v>
      </c>
    </row>
    <row r="288" spans="1:19">
      <c r="A288" s="49" t="s">
        <v>454</v>
      </c>
      <c r="B288" s="215">
        <v>255</v>
      </c>
      <c r="C288" s="219">
        <v>6.4000000000000001E-2</v>
      </c>
      <c r="D288" s="97">
        <v>3.1861270197814234E-2</v>
      </c>
      <c r="E288" s="219">
        <v>9.0999999999999998E-2</v>
      </c>
      <c r="F288" s="97">
        <v>3.6833357642424382E-2</v>
      </c>
      <c r="G288" s="219">
        <v>0.84399999999999997</v>
      </c>
      <c r="H288" s="97">
        <v>4.5710342146996888E-2</v>
      </c>
      <c r="I288" s="219">
        <v>0</v>
      </c>
      <c r="J288" s="97">
        <v>1.087832197963676E-2</v>
      </c>
      <c r="K288" s="215">
        <v>257</v>
      </c>
      <c r="L288" s="219">
        <v>9.5000000000000001E-2</v>
      </c>
      <c r="M288" s="97">
        <v>3.7337450643669702E-2</v>
      </c>
      <c r="N288" s="219">
        <v>0.19900000000000001</v>
      </c>
      <c r="O288" s="97">
        <v>4.9851082777474645E-2</v>
      </c>
      <c r="P288" s="219">
        <v>0.69899999999999995</v>
      </c>
      <c r="Q288" s="285">
        <v>5.6947044356085962E-2</v>
      </c>
      <c r="R288" s="219">
        <v>7.0000000000000001E-3</v>
      </c>
      <c r="S288" s="97">
        <v>1.4826553459226646E-2</v>
      </c>
    </row>
    <row r="289" spans="1:19" ht="25.5">
      <c r="A289" s="57" t="s">
        <v>445</v>
      </c>
      <c r="B289" s="214">
        <v>111</v>
      </c>
      <c r="C289" s="218">
        <v>5.1999999999999998E-2</v>
      </c>
      <c r="D289" s="94">
        <v>4.6817016489285185E-2</v>
      </c>
      <c r="E289" s="218">
        <v>8.6999999999999994E-2</v>
      </c>
      <c r="F289" s="94">
        <v>5.6288174708221207E-2</v>
      </c>
      <c r="G289" s="218">
        <v>0.86099999999999999</v>
      </c>
      <c r="H289" s="94">
        <v>6.6877471987135964E-2</v>
      </c>
      <c r="I289" s="218">
        <v>0</v>
      </c>
      <c r="J289" s="94">
        <v>2.4380210707016403E-2</v>
      </c>
      <c r="K289" s="214">
        <v>112</v>
      </c>
      <c r="L289" s="220">
        <v>9.1999999999999998E-2</v>
      </c>
      <c r="M289" s="94">
        <v>5.7180398157888064E-2</v>
      </c>
      <c r="N289" s="218">
        <v>0.26400000000000001</v>
      </c>
      <c r="O289" s="94">
        <v>8.2645666078822316E-2</v>
      </c>
      <c r="P289" s="218">
        <v>0.64400000000000002</v>
      </c>
      <c r="Q289" s="284">
        <v>8.918586029187292E-2</v>
      </c>
      <c r="R289" s="218">
        <v>0</v>
      </c>
      <c r="S289" s="94">
        <v>2.4171880321350918E-2</v>
      </c>
    </row>
    <row r="290" spans="1:19">
      <c r="A290" s="49" t="s">
        <v>471</v>
      </c>
      <c r="B290" s="215">
        <v>89</v>
      </c>
      <c r="C290" s="219">
        <v>6.5000000000000002E-2</v>
      </c>
      <c r="D290" s="97">
        <v>5.7437153060045668E-2</v>
      </c>
      <c r="E290" s="219">
        <v>7.0000000000000007E-2</v>
      </c>
      <c r="F290" s="97">
        <v>5.8901530819660763E-2</v>
      </c>
      <c r="G290" s="219">
        <v>0.86499999999999999</v>
      </c>
      <c r="H290" s="97">
        <v>7.419496514119503E-2</v>
      </c>
      <c r="I290" s="219">
        <v>0</v>
      </c>
      <c r="J290" s="97">
        <v>3.0084393934100805E-2</v>
      </c>
      <c r="K290" s="215">
        <v>90</v>
      </c>
      <c r="L290" s="219">
        <v>0.10199999999999999</v>
      </c>
      <c r="M290" s="97">
        <v>6.6776973234627252E-2</v>
      </c>
      <c r="N290" s="219">
        <v>0.221</v>
      </c>
      <c r="O290" s="97">
        <v>8.7188427274780364E-2</v>
      </c>
      <c r="P290" s="219">
        <v>0.66</v>
      </c>
      <c r="Q290" s="285">
        <v>9.8181847693319516E-2</v>
      </c>
      <c r="R290" s="219">
        <v>1.7999999999999999E-2</v>
      </c>
      <c r="S290" s="97">
        <v>3.9694347652586177E-2</v>
      </c>
    </row>
    <row r="291" spans="1:19" ht="25.5">
      <c r="A291" s="57" t="s">
        <v>442</v>
      </c>
      <c r="B291" s="214">
        <v>113</v>
      </c>
      <c r="C291" s="218">
        <v>5.6000000000000001E-2</v>
      </c>
      <c r="D291" s="94">
        <v>4.7542322228555922E-2</v>
      </c>
      <c r="E291" s="218">
        <v>9.2999999999999999E-2</v>
      </c>
      <c r="F291" s="94">
        <v>5.7134961891544177E-2</v>
      </c>
      <c r="G291" s="218">
        <v>0.85</v>
      </c>
      <c r="H291" s="94">
        <v>6.8120779544968979E-2</v>
      </c>
      <c r="I291" s="218">
        <v>0</v>
      </c>
      <c r="J291" s="94">
        <v>2.3967079753657358E-2</v>
      </c>
      <c r="K291" s="214">
        <v>113</v>
      </c>
      <c r="L291" s="220">
        <v>6.0999999999999999E-2</v>
      </c>
      <c r="M291" s="94">
        <v>4.9000696939120562E-2</v>
      </c>
      <c r="N291" s="218">
        <v>4.9000000000000002E-2</v>
      </c>
      <c r="O291" s="94">
        <v>4.5392503310001282E-2</v>
      </c>
      <c r="P291" s="218">
        <v>0.89</v>
      </c>
      <c r="Q291" s="284">
        <v>6.0798735429444271E-2</v>
      </c>
      <c r="R291" s="218">
        <v>0</v>
      </c>
      <c r="S291" s="94">
        <v>2.3967079753657358E-2</v>
      </c>
    </row>
  </sheetData>
  <mergeCells count="34">
    <mergeCell ref="K266:S266"/>
    <mergeCell ref="B266:J266"/>
    <mergeCell ref="A265:S265"/>
    <mergeCell ref="A264:S264"/>
    <mergeCell ref="A235:D235"/>
    <mergeCell ref="A236:D236"/>
    <mergeCell ref="A237:D237"/>
    <mergeCell ref="A178:D178"/>
    <mergeCell ref="K150:S150"/>
    <mergeCell ref="B150:J150"/>
    <mergeCell ref="A179:D179"/>
    <mergeCell ref="A177:D177"/>
    <mergeCell ref="AL208:AT208"/>
    <mergeCell ref="A207:AT207"/>
    <mergeCell ref="A206:AT206"/>
    <mergeCell ref="B208:J208"/>
    <mergeCell ref="K208:S208"/>
    <mergeCell ref="T208:AB208"/>
    <mergeCell ref="AC208:AK208"/>
    <mergeCell ref="A119:D119"/>
    <mergeCell ref="A120:D120"/>
    <mergeCell ref="A149:S149"/>
    <mergeCell ref="A148:S148"/>
    <mergeCell ref="A121:D121"/>
    <mergeCell ref="B5:L5"/>
    <mergeCell ref="M5:W5"/>
    <mergeCell ref="A4:W4"/>
    <mergeCell ref="M34:V34"/>
    <mergeCell ref="A33:W33"/>
    <mergeCell ref="A91:L91"/>
    <mergeCell ref="B63:L63"/>
    <mergeCell ref="M63:W63"/>
    <mergeCell ref="A62:W62"/>
    <mergeCell ref="B92:L92"/>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D59"/>
  <sheetViews>
    <sheetView zoomScaleNormal="100" workbookViewId="0">
      <selection activeCell="A33" sqref="A33:AK33"/>
    </sheetView>
  </sheetViews>
  <sheetFormatPr defaultColWidth="21.28515625" defaultRowHeight="15"/>
  <cols>
    <col min="1" max="1" width="35.42578125" customWidth="1"/>
  </cols>
  <sheetData>
    <row r="1" spans="1:4" ht="31.5">
      <c r="A1" s="33" t="s">
        <v>54</v>
      </c>
    </row>
    <row r="3" spans="1:4" ht="18.75">
      <c r="A3" s="428" t="s">
        <v>17</v>
      </c>
      <c r="B3" s="428"/>
      <c r="C3" s="428"/>
      <c r="D3" s="428"/>
    </row>
    <row r="4" spans="1:4" ht="131.25" customHeight="1">
      <c r="A4" s="427" t="s">
        <v>509</v>
      </c>
      <c r="B4" s="427"/>
      <c r="C4" s="427"/>
      <c r="D4" s="427"/>
    </row>
    <row r="5" spans="1:4" ht="36.75" customHeight="1">
      <c r="A5" s="409" t="s">
        <v>170</v>
      </c>
      <c r="B5" s="409"/>
      <c r="C5" s="409"/>
      <c r="D5" s="409"/>
    </row>
    <row r="6" spans="1:4" ht="72">
      <c r="A6" s="37" t="s">
        <v>85</v>
      </c>
      <c r="B6" s="38" t="s">
        <v>86</v>
      </c>
      <c r="C6" s="39" t="s">
        <v>87</v>
      </c>
      <c r="D6" s="40" t="s">
        <v>88</v>
      </c>
    </row>
    <row r="7" spans="1:4" ht="60">
      <c r="A7" s="41"/>
      <c r="B7" s="42" t="s">
        <v>89</v>
      </c>
      <c r="C7" s="128" t="s">
        <v>171</v>
      </c>
      <c r="D7" s="44" t="s">
        <v>91</v>
      </c>
    </row>
    <row r="8" spans="1:4">
      <c r="A8" s="45" t="s">
        <v>430</v>
      </c>
      <c r="B8" s="221">
        <v>10771</v>
      </c>
      <c r="C8" s="84">
        <v>4.5999999999999996</v>
      </c>
      <c r="D8" s="85">
        <v>1.9599999999999999E-2</v>
      </c>
    </row>
    <row r="9" spans="1:4">
      <c r="A9" s="49" t="s">
        <v>431</v>
      </c>
      <c r="B9" s="49">
        <v>8708</v>
      </c>
      <c r="C9" s="223">
        <v>4.6100000000000003</v>
      </c>
      <c r="D9" s="224">
        <v>1.9599999999999999E-2</v>
      </c>
    </row>
    <row r="10" spans="1:4">
      <c r="A10" s="45" t="s">
        <v>432</v>
      </c>
      <c r="B10" s="53">
        <v>1898</v>
      </c>
      <c r="C10" s="84">
        <v>4.6900000000000004</v>
      </c>
      <c r="D10" s="85">
        <v>5.8799999999999998E-2</v>
      </c>
    </row>
    <row r="11" spans="1:4">
      <c r="A11" s="49" t="s">
        <v>433</v>
      </c>
      <c r="B11" s="49">
        <v>129</v>
      </c>
      <c r="C11" s="223">
        <v>4.99</v>
      </c>
      <c r="D11" s="224">
        <v>0.1764</v>
      </c>
    </row>
    <row r="12" spans="1:4">
      <c r="A12" s="45" t="s">
        <v>434</v>
      </c>
      <c r="B12" s="53">
        <v>3007</v>
      </c>
      <c r="C12" s="84">
        <v>4.58</v>
      </c>
      <c r="D12" s="85">
        <v>3.9199999999999999E-2</v>
      </c>
    </row>
    <row r="13" spans="1:4">
      <c r="A13" s="49" t="s">
        <v>435</v>
      </c>
      <c r="B13" s="49">
        <v>2432</v>
      </c>
      <c r="C13" s="223">
        <v>4.5999999999999996</v>
      </c>
      <c r="D13" s="224">
        <v>3.9199999999999999E-2</v>
      </c>
    </row>
    <row r="14" spans="1:4">
      <c r="A14" s="45" t="s">
        <v>452</v>
      </c>
      <c r="B14" s="53">
        <v>89</v>
      </c>
      <c r="C14" s="84">
        <v>4.4400000000000004</v>
      </c>
      <c r="D14" s="85">
        <v>0.19600000000000001</v>
      </c>
    </row>
    <row r="15" spans="1:4">
      <c r="A15" s="49" t="s">
        <v>172</v>
      </c>
      <c r="B15" s="49">
        <v>242</v>
      </c>
      <c r="C15" s="223">
        <v>4.74</v>
      </c>
      <c r="D15" s="224">
        <v>0.15679999999999999</v>
      </c>
    </row>
    <row r="16" spans="1:4" ht="25.5">
      <c r="A16" s="45" t="s">
        <v>436</v>
      </c>
      <c r="B16" s="53">
        <v>94</v>
      </c>
      <c r="C16" s="84">
        <v>4.68</v>
      </c>
      <c r="D16" s="85">
        <v>0.23519999999999999</v>
      </c>
    </row>
    <row r="17" spans="1:79" ht="25.5">
      <c r="A17" s="49" t="s">
        <v>437</v>
      </c>
      <c r="B17" s="49">
        <v>115</v>
      </c>
      <c r="C17" s="223">
        <v>4.66</v>
      </c>
      <c r="D17" s="224">
        <v>0.21559999999999999</v>
      </c>
    </row>
    <row r="18" spans="1:79">
      <c r="A18" s="45" t="s">
        <v>453</v>
      </c>
      <c r="B18" s="221">
        <v>530</v>
      </c>
      <c r="C18" s="84">
        <v>4.6500000000000004</v>
      </c>
      <c r="D18" s="85">
        <v>9.8000000000000004E-2</v>
      </c>
    </row>
    <row r="19" spans="1:79" ht="25.5">
      <c r="A19" s="49" t="s">
        <v>438</v>
      </c>
      <c r="B19" s="222">
        <v>82</v>
      </c>
      <c r="C19" s="223">
        <v>4.6399999999999997</v>
      </c>
      <c r="D19" s="224">
        <v>0.25480000000000003</v>
      </c>
    </row>
    <row r="20" spans="1:79" ht="25.5">
      <c r="A20" s="45" t="s">
        <v>439</v>
      </c>
      <c r="B20" s="83">
        <v>80</v>
      </c>
      <c r="C20" s="84">
        <v>4.93</v>
      </c>
      <c r="D20" s="85">
        <v>0.23519999999999999</v>
      </c>
    </row>
    <row r="21" spans="1:79">
      <c r="A21" s="49" t="s">
        <v>440</v>
      </c>
      <c r="B21" s="222">
        <v>77</v>
      </c>
      <c r="C21" s="223">
        <v>4.7</v>
      </c>
      <c r="D21" s="224">
        <v>0.23519999999999999</v>
      </c>
    </row>
    <row r="22" spans="1:79">
      <c r="A22" s="57" t="s">
        <v>441</v>
      </c>
      <c r="B22" s="221">
        <v>73</v>
      </c>
      <c r="C22" s="84">
        <v>4.7300000000000004</v>
      </c>
      <c r="D22" s="85">
        <v>0.29399999999999998</v>
      </c>
    </row>
    <row r="23" spans="1:79" ht="25.5">
      <c r="A23" s="49" t="s">
        <v>442</v>
      </c>
      <c r="B23" s="222">
        <v>113</v>
      </c>
      <c r="C23" s="223">
        <v>4.47</v>
      </c>
      <c r="D23" s="224">
        <v>0.21559999999999999</v>
      </c>
    </row>
    <row r="24" spans="1:79">
      <c r="A24" s="57" t="s">
        <v>443</v>
      </c>
      <c r="B24" s="221">
        <v>160</v>
      </c>
      <c r="C24" s="84">
        <v>4.54</v>
      </c>
      <c r="D24" s="85">
        <v>0.1764</v>
      </c>
    </row>
    <row r="25" spans="1:79">
      <c r="A25" s="49" t="s">
        <v>455</v>
      </c>
      <c r="B25" s="222">
        <v>150</v>
      </c>
      <c r="C25" s="223">
        <v>4.68</v>
      </c>
      <c r="D25" s="224">
        <v>0.1764</v>
      </c>
    </row>
    <row r="26" spans="1:79">
      <c r="A26" s="57" t="s">
        <v>444</v>
      </c>
      <c r="B26" s="221">
        <v>89</v>
      </c>
      <c r="C26" s="84">
        <v>4.6399999999999997</v>
      </c>
      <c r="D26" s="85">
        <v>0.21559999999999999</v>
      </c>
    </row>
    <row r="27" spans="1:79">
      <c r="A27" s="49" t="s">
        <v>454</v>
      </c>
      <c r="B27" s="222">
        <v>251</v>
      </c>
      <c r="C27" s="223">
        <v>4.45</v>
      </c>
      <c r="D27" s="224">
        <v>0.15679999999999999</v>
      </c>
    </row>
    <row r="28" spans="1:79" ht="25.5">
      <c r="A28" s="57" t="s">
        <v>445</v>
      </c>
      <c r="B28" s="221">
        <v>109</v>
      </c>
      <c r="C28" s="84">
        <v>4.47</v>
      </c>
      <c r="D28" s="85">
        <v>0.23519999999999999</v>
      </c>
    </row>
    <row r="29" spans="1:79" ht="25.5">
      <c r="A29" s="49" t="s">
        <v>471</v>
      </c>
      <c r="B29" s="222">
        <v>87</v>
      </c>
      <c r="C29" s="223">
        <v>4.46</v>
      </c>
      <c r="D29" s="224">
        <v>0.23519999999999999</v>
      </c>
    </row>
    <row r="30" spans="1:79" ht="25.5">
      <c r="A30" s="57" t="s">
        <v>442</v>
      </c>
      <c r="B30" s="221">
        <v>113</v>
      </c>
      <c r="C30" s="84">
        <v>4.47</v>
      </c>
      <c r="D30" s="85">
        <v>0.21559999999999999</v>
      </c>
    </row>
    <row r="31" spans="1:79">
      <c r="W31" s="266"/>
      <c r="X31" s="266"/>
      <c r="Y31" s="266"/>
      <c r="Z31" s="266"/>
      <c r="AA31" s="266"/>
      <c r="AB31" s="266"/>
      <c r="AC31" s="266"/>
      <c r="AD31" s="266"/>
      <c r="AE31" s="266"/>
      <c r="AF31" s="266"/>
      <c r="AG31" s="266"/>
      <c r="AH31" s="266"/>
      <c r="AI31" s="266"/>
      <c r="AJ31" s="266"/>
      <c r="AK31" s="266"/>
      <c r="AL31" s="266"/>
      <c r="AM31" s="266"/>
      <c r="AN31" s="266"/>
      <c r="AO31" s="266"/>
      <c r="AP31" s="266"/>
      <c r="AQ31" s="266"/>
      <c r="AR31" s="266"/>
      <c r="AS31" s="266"/>
      <c r="AT31" s="266"/>
      <c r="AU31" s="266"/>
      <c r="AV31" s="266"/>
      <c r="AW31" s="266"/>
      <c r="AX31" s="266"/>
      <c r="AY31" s="266"/>
      <c r="AZ31" s="266"/>
      <c r="BA31" s="266"/>
      <c r="BB31" s="266"/>
      <c r="BC31" s="266"/>
      <c r="BD31" s="266"/>
      <c r="BE31" s="266"/>
      <c r="BF31" s="266"/>
      <c r="BG31" s="266"/>
      <c r="BH31" s="266"/>
      <c r="BI31" s="266"/>
      <c r="BJ31" s="266"/>
      <c r="BK31" s="266"/>
      <c r="BL31" s="266"/>
      <c r="BM31" s="266"/>
      <c r="BN31" s="266"/>
      <c r="BO31" s="266"/>
      <c r="BP31" s="266"/>
      <c r="BQ31" s="266"/>
      <c r="BR31" s="266"/>
      <c r="BS31" s="266"/>
      <c r="BT31" s="266"/>
      <c r="BU31" s="266"/>
      <c r="BV31" s="266"/>
      <c r="BW31" s="266"/>
      <c r="BX31" s="266"/>
      <c r="BY31" s="266"/>
      <c r="BZ31" s="266"/>
      <c r="CA31" s="266"/>
    </row>
    <row r="32" spans="1:79" ht="18.75">
      <c r="A32" s="367" t="s">
        <v>55</v>
      </c>
      <c r="B32" s="367"/>
      <c r="C32" s="367"/>
      <c r="D32" s="367"/>
      <c r="E32" s="367"/>
      <c r="F32" s="367"/>
      <c r="G32" s="367"/>
      <c r="H32" s="367"/>
      <c r="I32" s="367"/>
      <c r="J32" s="367"/>
      <c r="K32" s="367"/>
      <c r="L32" s="367"/>
      <c r="M32" s="367"/>
      <c r="N32" s="367"/>
      <c r="O32" s="367"/>
      <c r="P32" s="367"/>
      <c r="Q32" s="367"/>
      <c r="R32" s="367"/>
      <c r="S32" s="367"/>
      <c r="T32" s="367"/>
      <c r="U32" s="367"/>
      <c r="V32" s="367"/>
      <c r="W32" s="367"/>
      <c r="X32" s="367"/>
      <c r="Y32" s="367"/>
      <c r="Z32" s="367"/>
      <c r="AA32" s="367"/>
      <c r="AB32" s="367"/>
      <c r="AC32" s="367"/>
      <c r="AD32" s="367"/>
      <c r="AE32" s="367"/>
      <c r="AF32" s="367"/>
      <c r="AG32" s="367"/>
      <c r="AH32" s="367"/>
      <c r="AI32" s="367"/>
      <c r="AJ32" s="367"/>
      <c r="AK32" s="367"/>
      <c r="AL32" s="236"/>
      <c r="AM32" s="236"/>
      <c r="AN32" s="236"/>
      <c r="AO32" s="236"/>
      <c r="AP32" s="236"/>
      <c r="AQ32" s="236"/>
      <c r="AR32" s="236"/>
      <c r="AS32" s="236"/>
      <c r="AT32" s="236"/>
      <c r="AU32" s="236"/>
      <c r="AV32" s="236"/>
      <c r="AW32" s="236"/>
      <c r="AX32" s="236"/>
      <c r="AY32" s="236"/>
      <c r="AZ32" s="236"/>
      <c r="BA32" s="236"/>
      <c r="BB32" s="236"/>
      <c r="BC32" s="236"/>
      <c r="BD32" s="236"/>
      <c r="BE32" s="236"/>
      <c r="BF32" s="236"/>
      <c r="BG32" s="236"/>
      <c r="BH32" s="236"/>
      <c r="BI32" s="236"/>
      <c r="BJ32" s="236"/>
      <c r="BK32" s="236"/>
      <c r="BL32" s="236"/>
      <c r="BM32" s="236"/>
      <c r="BN32" s="236"/>
      <c r="BO32" s="236"/>
      <c r="BP32" s="236"/>
      <c r="BQ32" s="236"/>
      <c r="BR32" s="236"/>
      <c r="BS32" s="236"/>
      <c r="BT32" s="236"/>
      <c r="BU32" s="236"/>
      <c r="BV32" s="236"/>
      <c r="BW32" s="236"/>
      <c r="BX32" s="236"/>
      <c r="BY32" s="236"/>
      <c r="BZ32" s="236"/>
      <c r="CA32" s="266"/>
    </row>
    <row r="33" spans="1:82" ht="56.25" customHeight="1">
      <c r="A33" s="423" t="s">
        <v>510</v>
      </c>
      <c r="B33" s="423"/>
      <c r="C33" s="423"/>
      <c r="D33" s="423"/>
      <c r="E33" s="423"/>
      <c r="F33" s="423"/>
      <c r="G33" s="423"/>
      <c r="H33" s="423"/>
      <c r="I33" s="423"/>
      <c r="J33" s="423"/>
      <c r="K33" s="423"/>
      <c r="L33" s="423"/>
      <c r="M33" s="423"/>
      <c r="N33" s="423"/>
      <c r="O33" s="423"/>
      <c r="P33" s="423"/>
      <c r="Q33" s="423"/>
      <c r="R33" s="423"/>
      <c r="S33" s="423"/>
      <c r="T33" s="423"/>
      <c r="U33" s="423"/>
      <c r="V33" s="423"/>
      <c r="W33" s="423"/>
      <c r="X33" s="423"/>
      <c r="Y33" s="423"/>
      <c r="Z33" s="423"/>
      <c r="AA33" s="423"/>
      <c r="AB33" s="423"/>
      <c r="AC33" s="423"/>
      <c r="AD33" s="423"/>
      <c r="AE33" s="423"/>
      <c r="AF33" s="423"/>
      <c r="AG33" s="423"/>
      <c r="AH33" s="423"/>
      <c r="AI33" s="423"/>
      <c r="AJ33" s="423"/>
      <c r="AK33" s="423"/>
      <c r="AL33" s="267"/>
      <c r="AM33" s="267"/>
      <c r="AN33" s="267"/>
      <c r="AO33" s="267"/>
      <c r="AP33" s="267"/>
      <c r="AQ33" s="267"/>
      <c r="AR33" s="267"/>
      <c r="AS33" s="267"/>
      <c r="AT33" s="267"/>
      <c r="AU33" s="267"/>
      <c r="AV33" s="267"/>
      <c r="AW33" s="267"/>
      <c r="AX33" s="267"/>
      <c r="AY33" s="267"/>
      <c r="AZ33" s="267"/>
      <c r="BA33" s="267"/>
      <c r="BB33" s="267"/>
      <c r="BC33" s="267"/>
      <c r="BD33" s="267"/>
      <c r="BE33" s="267"/>
      <c r="BF33" s="267"/>
      <c r="BG33" s="267"/>
      <c r="BH33" s="267"/>
      <c r="BI33" s="267"/>
      <c r="BJ33" s="267"/>
      <c r="BK33" s="267"/>
      <c r="BL33" s="267"/>
      <c r="BM33" s="267"/>
      <c r="BN33" s="267"/>
      <c r="BO33" s="267"/>
      <c r="BP33" s="267"/>
      <c r="BQ33" s="267"/>
      <c r="BR33" s="267"/>
      <c r="BS33" s="267"/>
      <c r="BT33" s="267"/>
      <c r="BU33" s="267"/>
      <c r="BV33" s="267"/>
      <c r="BW33" s="267"/>
      <c r="BX33" s="267"/>
      <c r="BY33" s="267"/>
      <c r="BZ33" s="267"/>
      <c r="CA33" s="266"/>
    </row>
    <row r="34" spans="1:82" ht="33.75" customHeight="1">
      <c r="A34" s="64"/>
      <c r="B34" s="430" t="s">
        <v>284</v>
      </c>
      <c r="C34" s="431"/>
      <c r="D34" s="431"/>
      <c r="E34" s="431"/>
      <c r="F34" s="431"/>
      <c r="G34" s="431"/>
      <c r="H34" s="431"/>
      <c r="I34" s="431"/>
      <c r="J34" s="432"/>
      <c r="K34" s="430" t="s">
        <v>285</v>
      </c>
      <c r="L34" s="431"/>
      <c r="M34" s="431"/>
      <c r="N34" s="431"/>
      <c r="O34" s="431"/>
      <c r="P34" s="431"/>
      <c r="Q34" s="431"/>
      <c r="R34" s="432"/>
      <c r="S34" s="343" t="s">
        <v>373</v>
      </c>
      <c r="T34" s="344"/>
      <c r="U34" s="344"/>
      <c r="V34" s="344"/>
      <c r="W34" s="344"/>
      <c r="X34" s="344"/>
      <c r="Y34" s="344"/>
      <c r="Z34" s="344"/>
      <c r="AA34" s="345"/>
      <c r="AB34" s="343" t="s">
        <v>425</v>
      </c>
      <c r="AC34" s="344"/>
      <c r="AD34" s="344"/>
      <c r="AE34" s="344"/>
      <c r="AF34" s="344"/>
      <c r="AG34" s="344"/>
      <c r="AH34" s="344"/>
      <c r="AI34" s="345"/>
      <c r="AJ34" s="338"/>
      <c r="AK34" s="338"/>
      <c r="AL34" s="338"/>
      <c r="AM34" s="338"/>
      <c r="AN34" s="338"/>
      <c r="AO34" s="338"/>
      <c r="AP34" s="338"/>
      <c r="AQ34" s="338"/>
      <c r="AR34" s="338"/>
      <c r="AS34" s="338"/>
      <c r="AT34" s="266"/>
      <c r="AU34" s="266"/>
      <c r="AV34" s="266"/>
      <c r="AW34" s="266"/>
      <c r="AX34" s="266"/>
      <c r="AY34" s="266"/>
      <c r="AZ34" s="266"/>
      <c r="BA34" s="266"/>
      <c r="BB34" s="266"/>
      <c r="BC34" s="266"/>
      <c r="BD34" s="266"/>
      <c r="BE34" s="266"/>
      <c r="BF34" s="266"/>
      <c r="BG34" s="266"/>
      <c r="BH34" s="266"/>
      <c r="BI34" s="266"/>
      <c r="BJ34" s="266"/>
      <c r="BK34" s="266"/>
      <c r="BL34" s="266"/>
      <c r="BM34" s="266"/>
      <c r="BN34" s="266"/>
      <c r="BO34" s="266"/>
      <c r="BP34" s="266"/>
      <c r="BQ34" s="266"/>
      <c r="BR34" s="266"/>
      <c r="BS34" s="266"/>
      <c r="BT34" s="266"/>
      <c r="BU34" s="266"/>
      <c r="BV34" s="266"/>
      <c r="BW34" s="266"/>
      <c r="BX34" s="266"/>
      <c r="BY34" s="266"/>
      <c r="BZ34" s="266"/>
      <c r="CA34" s="266"/>
      <c r="CB34" s="266"/>
      <c r="CC34" s="266"/>
      <c r="CD34" s="266"/>
    </row>
    <row r="35" spans="1:82" ht="72">
      <c r="A35" s="37" t="s">
        <v>85</v>
      </c>
      <c r="B35" s="38" t="s">
        <v>86</v>
      </c>
      <c r="C35" s="38" t="s">
        <v>258</v>
      </c>
      <c r="D35" s="89" t="s">
        <v>350</v>
      </c>
      <c r="E35" s="38" t="s">
        <v>351</v>
      </c>
      <c r="F35" s="89" t="s">
        <v>319</v>
      </c>
      <c r="G35" s="38" t="s">
        <v>352</v>
      </c>
      <c r="H35" s="89" t="s">
        <v>320</v>
      </c>
      <c r="I35" s="38" t="s">
        <v>356</v>
      </c>
      <c r="J35" s="89" t="s">
        <v>370</v>
      </c>
      <c r="K35" s="65" t="s">
        <v>86</v>
      </c>
      <c r="L35" s="65" t="s">
        <v>258</v>
      </c>
      <c r="M35" s="88" t="s">
        <v>350</v>
      </c>
      <c r="N35" s="65" t="s">
        <v>351</v>
      </c>
      <c r="O35" s="88" t="s">
        <v>319</v>
      </c>
      <c r="P35" s="88" t="s">
        <v>320</v>
      </c>
      <c r="Q35" s="65" t="s">
        <v>356</v>
      </c>
      <c r="R35" s="88" t="s">
        <v>370</v>
      </c>
      <c r="S35" s="38" t="s">
        <v>86</v>
      </c>
      <c r="T35" s="38" t="s">
        <v>353</v>
      </c>
      <c r="U35" s="89" t="s">
        <v>322</v>
      </c>
      <c r="V35" s="38" t="s">
        <v>376</v>
      </c>
      <c r="W35" s="89" t="s">
        <v>392</v>
      </c>
      <c r="X35" s="38" t="s">
        <v>375</v>
      </c>
      <c r="Y35" s="89" t="s">
        <v>374</v>
      </c>
      <c r="Z35" s="38" t="s">
        <v>356</v>
      </c>
      <c r="AA35" s="89" t="s">
        <v>370</v>
      </c>
      <c r="AB35" s="38" t="s">
        <v>86</v>
      </c>
      <c r="AC35" s="89" t="s">
        <v>427</v>
      </c>
      <c r="AD35" s="38" t="s">
        <v>422</v>
      </c>
      <c r="AE35" s="89" t="s">
        <v>424</v>
      </c>
      <c r="AF35" s="38" t="s">
        <v>428</v>
      </c>
      <c r="AG35" s="89" t="s">
        <v>429</v>
      </c>
      <c r="AH35" s="38" t="s">
        <v>356</v>
      </c>
      <c r="AI35" s="89" t="s">
        <v>370</v>
      </c>
      <c r="AJ35" s="266"/>
      <c r="AK35" s="266"/>
      <c r="AL35" s="266"/>
      <c r="AM35" s="266"/>
      <c r="AN35" s="266"/>
      <c r="AO35" s="266"/>
      <c r="AP35" s="266"/>
      <c r="AQ35" s="266"/>
      <c r="AR35" s="266"/>
      <c r="AS35" s="266"/>
      <c r="AT35" s="266"/>
      <c r="AU35" s="266"/>
      <c r="AV35" s="266"/>
      <c r="AW35" s="266"/>
      <c r="AX35" s="266"/>
      <c r="AY35" s="266"/>
      <c r="AZ35" s="266"/>
      <c r="BA35" s="266"/>
      <c r="BB35" s="266"/>
      <c r="BC35" s="266"/>
      <c r="BD35" s="266"/>
      <c r="BE35" s="266"/>
      <c r="BF35" s="266"/>
      <c r="BG35" s="266"/>
      <c r="BH35" s="266"/>
      <c r="BI35" s="266"/>
      <c r="BJ35" s="266"/>
      <c r="BK35" s="266"/>
      <c r="BL35" s="266"/>
      <c r="BM35" s="266"/>
      <c r="BN35" s="266"/>
      <c r="BO35" s="266"/>
      <c r="BP35" s="266"/>
      <c r="BQ35" s="266"/>
      <c r="BR35" s="266"/>
      <c r="BS35" s="266"/>
      <c r="BT35" s="266"/>
      <c r="BU35" s="266"/>
      <c r="BV35" s="266"/>
      <c r="BW35" s="266"/>
      <c r="BX35" s="266"/>
      <c r="BY35" s="266"/>
      <c r="BZ35" s="266"/>
      <c r="CA35" s="266"/>
      <c r="CB35" s="266"/>
      <c r="CC35" s="266"/>
      <c r="CD35" s="266"/>
    </row>
    <row r="36" spans="1:82" ht="60">
      <c r="A36" s="41"/>
      <c r="B36" s="42" t="s">
        <v>89</v>
      </c>
      <c r="C36" s="42" t="s">
        <v>182</v>
      </c>
      <c r="D36" s="91" t="s">
        <v>104</v>
      </c>
      <c r="E36" s="42" t="s">
        <v>183</v>
      </c>
      <c r="F36" s="91" t="s">
        <v>104</v>
      </c>
      <c r="G36" s="42" t="s">
        <v>184</v>
      </c>
      <c r="H36" s="91" t="s">
        <v>104</v>
      </c>
      <c r="I36" s="42" t="s">
        <v>356</v>
      </c>
      <c r="J36" s="91" t="s">
        <v>104</v>
      </c>
      <c r="K36" s="68" t="s">
        <v>89</v>
      </c>
      <c r="L36" s="68" t="s">
        <v>182</v>
      </c>
      <c r="M36" s="90" t="s">
        <v>104</v>
      </c>
      <c r="N36" s="68" t="s">
        <v>183</v>
      </c>
      <c r="O36" s="90" t="s">
        <v>104</v>
      </c>
      <c r="P36" s="90" t="s">
        <v>104</v>
      </c>
      <c r="Q36" s="68" t="s">
        <v>356</v>
      </c>
      <c r="R36" s="90" t="s">
        <v>104</v>
      </c>
      <c r="S36" s="42" t="s">
        <v>89</v>
      </c>
      <c r="T36" s="42" t="s">
        <v>184</v>
      </c>
      <c r="U36" s="91" t="s">
        <v>104</v>
      </c>
      <c r="V36" s="42" t="s">
        <v>183</v>
      </c>
      <c r="W36" s="91" t="s">
        <v>104</v>
      </c>
      <c r="X36" s="42" t="s">
        <v>182</v>
      </c>
      <c r="Y36" s="91" t="s">
        <v>104</v>
      </c>
      <c r="Z36" s="42" t="s">
        <v>356</v>
      </c>
      <c r="AA36" s="91" t="s">
        <v>104</v>
      </c>
      <c r="AB36" s="42" t="s">
        <v>89</v>
      </c>
      <c r="AC36" s="91" t="s">
        <v>104</v>
      </c>
      <c r="AD36" s="42" t="s">
        <v>423</v>
      </c>
      <c r="AE36" s="91" t="s">
        <v>104</v>
      </c>
      <c r="AF36" s="42" t="s">
        <v>182</v>
      </c>
      <c r="AG36" s="91" t="s">
        <v>104</v>
      </c>
      <c r="AH36" s="42" t="s">
        <v>356</v>
      </c>
      <c r="AI36" s="91" t="s">
        <v>104</v>
      </c>
    </row>
    <row r="37" spans="1:82">
      <c r="A37" s="45" t="s">
        <v>430</v>
      </c>
      <c r="B37" s="221">
        <v>10987</v>
      </c>
      <c r="C37" s="225">
        <v>0.14499999999999999</v>
      </c>
      <c r="D37" s="94">
        <v>6.7195320495849918E-3</v>
      </c>
      <c r="E37" s="225">
        <v>0.17499999999999999</v>
      </c>
      <c r="F37" s="94">
        <v>7.2505837198073879E-3</v>
      </c>
      <c r="G37" s="225">
        <v>0.58299999999999996</v>
      </c>
      <c r="H37" s="94">
        <v>9.4062858935187836E-3</v>
      </c>
      <c r="I37" s="225">
        <v>9.7000000000000003E-2</v>
      </c>
      <c r="J37" s="94">
        <v>5.6498113137452479E-3</v>
      </c>
      <c r="K37" s="221">
        <v>10973</v>
      </c>
      <c r="L37" s="225">
        <v>9.4E-2</v>
      </c>
      <c r="M37" s="225">
        <v>0.68300000000000005</v>
      </c>
      <c r="N37" s="225">
        <v>0.17399999999999999</v>
      </c>
      <c r="O37" s="94">
        <v>7.2388533801420046E-3</v>
      </c>
      <c r="P37" s="94">
        <v>8.8828559436392226E-3</v>
      </c>
      <c r="Q37" s="225">
        <v>4.8000000000000001E-2</v>
      </c>
      <c r="R37" s="94">
        <v>4.0872719165296447E-3</v>
      </c>
      <c r="S37" s="221">
        <v>10981</v>
      </c>
      <c r="T37" s="225">
        <v>0.315</v>
      </c>
      <c r="U37" s="94">
        <v>8.8645277740618655E-3</v>
      </c>
      <c r="V37" s="225">
        <v>0.25700000000000001</v>
      </c>
      <c r="W37" s="94">
        <v>8.3394963339389408E-3</v>
      </c>
      <c r="X37" s="225">
        <v>0.13900000000000001</v>
      </c>
      <c r="Y37" s="94">
        <v>8.9800222557315443E-3</v>
      </c>
      <c r="Z37" s="94">
        <v>9.6000000000000002E-2</v>
      </c>
      <c r="AA37" s="94">
        <v>5.6253164334750284E-3</v>
      </c>
      <c r="AB37" s="221">
        <v>10981</v>
      </c>
      <c r="AC37" s="94">
        <v>6.6040605169667152E-3</v>
      </c>
      <c r="AD37" s="225">
        <v>0.433</v>
      </c>
      <c r="AE37" s="94">
        <v>9.4551480529282261E-3</v>
      </c>
      <c r="AF37" s="225">
        <v>0.33099999999999996</v>
      </c>
      <c r="AG37" s="94">
        <v>8.9800222557315443E-3</v>
      </c>
      <c r="AH37" s="225">
        <v>9.6000000000000002E-2</v>
      </c>
    </row>
    <row r="38" spans="1:82">
      <c r="A38" s="49" t="s">
        <v>431</v>
      </c>
      <c r="B38" s="222">
        <v>8842</v>
      </c>
      <c r="C38" s="226">
        <v>0.158</v>
      </c>
      <c r="D38" s="97">
        <v>7.7591413800206155E-3</v>
      </c>
      <c r="E38" s="226">
        <v>0.16500000000000001</v>
      </c>
      <c r="F38" s="97">
        <v>7.8958993714297859E-3</v>
      </c>
      <c r="G38" s="226">
        <v>0.60299999999999998</v>
      </c>
      <c r="H38" s="97">
        <v>1.0404450260556355E-2</v>
      </c>
      <c r="I38" s="226">
        <v>7.4999999999999997E-2</v>
      </c>
      <c r="J38" s="97">
        <v>5.6074912643168575E-3</v>
      </c>
      <c r="K38" s="222">
        <v>8827</v>
      </c>
      <c r="L38" s="226">
        <v>0.10199999999999999</v>
      </c>
      <c r="M38" s="226">
        <v>0.68400000000000005</v>
      </c>
      <c r="N38" s="226">
        <v>0.17100000000000001</v>
      </c>
      <c r="O38" s="97">
        <v>8.0158667611005298E-3</v>
      </c>
      <c r="P38" s="97">
        <v>9.8952654435714073E-3</v>
      </c>
      <c r="Q38" s="226">
        <v>4.2000000000000003E-2</v>
      </c>
      <c r="R38" s="97">
        <v>4.2791286444487106E-3</v>
      </c>
      <c r="S38" s="222">
        <v>8833</v>
      </c>
      <c r="T38" s="226">
        <v>0.29600000000000004</v>
      </c>
      <c r="U38" s="97">
        <v>9.7129018349856946E-3</v>
      </c>
      <c r="V38" s="226">
        <v>0.26300000000000001</v>
      </c>
      <c r="W38" s="97">
        <v>9.3679838122847064E-3</v>
      </c>
      <c r="X38" s="226">
        <v>0.13900000000000001</v>
      </c>
      <c r="Y38" s="97">
        <v>1.0230963824209079E-2</v>
      </c>
      <c r="Z38" s="97">
        <v>7.6999999999999999E-2</v>
      </c>
      <c r="AA38" s="97">
        <v>5.6782958731589834E-3</v>
      </c>
      <c r="AB38" s="222">
        <v>8833</v>
      </c>
      <c r="AC38" s="97">
        <v>7.3637739859551731E-3</v>
      </c>
      <c r="AD38" s="226">
        <v>0.42000000000000004</v>
      </c>
      <c r="AE38" s="97">
        <v>1.0500775498720836E-2</v>
      </c>
      <c r="AF38" s="226">
        <v>0.36299999999999999</v>
      </c>
      <c r="AG38" s="97">
        <v>1.0230963824209079E-2</v>
      </c>
      <c r="AH38" s="226">
        <v>7.6999999999999999E-2</v>
      </c>
    </row>
    <row r="39" spans="1:82">
      <c r="A39" s="45" t="s">
        <v>432</v>
      </c>
      <c r="B39" s="221">
        <v>1984</v>
      </c>
      <c r="C39" s="225">
        <v>0.10879999999999999</v>
      </c>
      <c r="D39" s="94">
        <v>1.401190821998686E-2</v>
      </c>
      <c r="E39" s="225">
        <v>0.19539999999999999</v>
      </c>
      <c r="F39" s="94">
        <v>1.7806913698721335E-2</v>
      </c>
      <c r="G39" s="225">
        <v>0.57989999999999997</v>
      </c>
      <c r="H39" s="94">
        <v>2.2141017515266453E-2</v>
      </c>
      <c r="I39" s="225">
        <v>0.11600000000000001</v>
      </c>
      <c r="J39" s="94">
        <v>1.4405508904591561E-2</v>
      </c>
      <c r="K39" s="221">
        <v>1981</v>
      </c>
      <c r="L39" s="225">
        <v>7.3099999999999998E-2</v>
      </c>
      <c r="M39" s="225">
        <v>0.70489999999999997</v>
      </c>
      <c r="N39" s="225">
        <v>0.16159999999999999</v>
      </c>
      <c r="O39" s="94">
        <v>1.6551362367851055E-2</v>
      </c>
      <c r="P39" s="94">
        <v>2.048210004751546E-2</v>
      </c>
      <c r="Q39" s="225">
        <v>6.0499999999999998E-2</v>
      </c>
      <c r="R39" s="94">
        <v>1.0775234711713703E-2</v>
      </c>
      <c r="S39" s="221">
        <v>1984</v>
      </c>
      <c r="T39" s="225">
        <v>0.31230000000000002</v>
      </c>
      <c r="U39" s="94">
        <v>2.0794594909042025E-2</v>
      </c>
      <c r="V39" s="225">
        <v>0.24210000000000001</v>
      </c>
      <c r="W39" s="94">
        <v>1.9228320845557947E-2</v>
      </c>
      <c r="X39" s="225">
        <v>0.1326</v>
      </c>
      <c r="Y39" s="94">
        <v>2.1040287308778854E-2</v>
      </c>
      <c r="Z39" s="94">
        <v>0.1191</v>
      </c>
      <c r="AA39" s="94">
        <v>1.4569506269332963E-2</v>
      </c>
      <c r="AB39" s="221">
        <v>1984</v>
      </c>
      <c r="AC39" s="94">
        <v>1.5248437840105598E-2</v>
      </c>
      <c r="AD39" s="225">
        <v>0.42180000000000001</v>
      </c>
      <c r="AE39" s="94">
        <v>2.2153177363820935E-2</v>
      </c>
      <c r="AF39" s="225">
        <v>0.32650000000000001</v>
      </c>
      <c r="AG39" s="94">
        <v>2.1040287308778854E-2</v>
      </c>
      <c r="AH39" s="225">
        <v>0.1191</v>
      </c>
    </row>
    <row r="40" spans="1:82">
      <c r="A40" s="49" t="s">
        <v>433</v>
      </c>
      <c r="B40" s="222">
        <v>132</v>
      </c>
      <c r="C40" s="226">
        <v>0.16900000000000001</v>
      </c>
      <c r="D40" s="97">
        <v>6.5706340627496709E-2</v>
      </c>
      <c r="E40" s="226">
        <v>0.193</v>
      </c>
      <c r="F40" s="97">
        <v>6.8859090678144774E-2</v>
      </c>
      <c r="G40" s="226">
        <v>0.51200000000000001</v>
      </c>
      <c r="H40" s="97">
        <v>8.5726024948972177E-2</v>
      </c>
      <c r="I40" s="226">
        <v>0.125</v>
      </c>
      <c r="J40" s="97">
        <v>5.8793109565175777E-2</v>
      </c>
      <c r="K40" s="222">
        <v>133</v>
      </c>
      <c r="L40" s="226">
        <v>5.8999999999999997E-2</v>
      </c>
      <c r="M40" s="226">
        <v>0.73299999999999998</v>
      </c>
      <c r="N40" s="226">
        <v>0.17599999999999999</v>
      </c>
      <c r="O40" s="97">
        <v>6.641266622738573E-2</v>
      </c>
      <c r="P40" s="97">
        <v>7.6193162301676179E-2</v>
      </c>
      <c r="Q40" s="226">
        <v>3.3000000000000002E-2</v>
      </c>
      <c r="R40" s="97">
        <v>3.6029270285344889E-2</v>
      </c>
      <c r="S40" s="222">
        <v>133</v>
      </c>
      <c r="T40" s="226">
        <v>0.17899999999999999</v>
      </c>
      <c r="U40" s="97">
        <v>6.6812331872603395E-2</v>
      </c>
      <c r="V40" s="226">
        <v>0.27400000000000002</v>
      </c>
      <c r="W40" s="97">
        <v>7.6771154751420073E-2</v>
      </c>
      <c r="X40" s="226">
        <v>0.09</v>
      </c>
      <c r="Y40" s="97">
        <v>8.5280866589647675E-2</v>
      </c>
      <c r="Z40" s="97">
        <v>7.8E-2</v>
      </c>
      <c r="AA40" s="97">
        <v>4.8978843791339932E-2</v>
      </c>
      <c r="AB40" s="222">
        <v>133</v>
      </c>
      <c r="AC40" s="97">
        <v>5.1707418962985058E-2</v>
      </c>
      <c r="AD40" s="226">
        <v>0.36299999999999999</v>
      </c>
      <c r="AE40" s="97">
        <v>8.2357773887520955E-2</v>
      </c>
      <c r="AF40" s="226">
        <v>0.46899999999999997</v>
      </c>
      <c r="AG40" s="97">
        <v>8.5280866589647675E-2</v>
      </c>
      <c r="AH40" s="226">
        <v>7.8E-2</v>
      </c>
    </row>
    <row r="41" spans="1:82">
      <c r="A41" s="45" t="s">
        <v>434</v>
      </c>
      <c r="B41" s="221">
        <v>3072</v>
      </c>
      <c r="C41" s="225">
        <v>0.14699999999999999</v>
      </c>
      <c r="D41" s="94">
        <v>1.2785866196447346E-2</v>
      </c>
      <c r="E41" s="225">
        <v>0.16600000000000001</v>
      </c>
      <c r="F41" s="94">
        <v>1.3431613814839208E-2</v>
      </c>
      <c r="G41" s="225">
        <v>0.59199999999999997</v>
      </c>
      <c r="H41" s="94">
        <v>1.772342049912369E-2</v>
      </c>
      <c r="I41" s="225">
        <v>9.5000000000000001E-2</v>
      </c>
      <c r="J41" s="94">
        <v>1.0599783814639639E-2</v>
      </c>
      <c r="K41" s="221">
        <v>3065</v>
      </c>
      <c r="L41" s="225">
        <v>9.1999999999999998E-2</v>
      </c>
      <c r="M41" s="225">
        <v>0.69099999999999995</v>
      </c>
      <c r="N41" s="225">
        <v>0.16800000000000001</v>
      </c>
      <c r="O41" s="94">
        <v>1.35111860062853E-2</v>
      </c>
      <c r="P41" s="94">
        <v>1.6685777254675366E-2</v>
      </c>
      <c r="Q41" s="225">
        <v>4.9000000000000002E-2</v>
      </c>
      <c r="R41" s="94">
        <v>7.8374544481017994E-3</v>
      </c>
      <c r="S41" s="221">
        <v>3072</v>
      </c>
      <c r="T41" s="225">
        <v>0.33399999999999996</v>
      </c>
      <c r="U41" s="94">
        <v>1.7010500103977911E-2</v>
      </c>
      <c r="V41" s="225">
        <v>0.248</v>
      </c>
      <c r="W41" s="94">
        <v>1.5579864825688928E-2</v>
      </c>
      <c r="X41" s="225">
        <v>0.152</v>
      </c>
      <c r="Y41" s="94">
        <v>1.6866045593861116E-2</v>
      </c>
      <c r="Z41" s="94">
        <v>9.4E-2</v>
      </c>
      <c r="AA41" s="94">
        <v>1.0550049363593415E-2</v>
      </c>
      <c r="AB41" s="221">
        <v>3072</v>
      </c>
      <c r="AC41" s="94">
        <v>1.2962422437559372E-2</v>
      </c>
      <c r="AD41" s="225">
        <v>0.43</v>
      </c>
      <c r="AE41" s="94">
        <v>1.7853352034057485E-2</v>
      </c>
      <c r="AF41" s="225">
        <v>0.32299999999999995</v>
      </c>
      <c r="AG41" s="94">
        <v>1.6866045593861116E-2</v>
      </c>
      <c r="AH41" s="225">
        <v>9.4E-2</v>
      </c>
    </row>
    <row r="42" spans="1:82">
      <c r="A42" s="49" t="s">
        <v>435</v>
      </c>
      <c r="B42" s="222">
        <v>2481</v>
      </c>
      <c r="C42" s="226">
        <v>0.16700000000000001</v>
      </c>
      <c r="D42" s="97">
        <v>1.4983166914777473E-2</v>
      </c>
      <c r="E42" s="226">
        <v>0.151</v>
      </c>
      <c r="F42" s="97">
        <v>1.4387049861487351E-2</v>
      </c>
      <c r="G42" s="226">
        <v>0.60299999999999998</v>
      </c>
      <c r="H42" s="97">
        <v>1.9631417608491752E-2</v>
      </c>
      <c r="I42" s="226">
        <v>7.8E-2</v>
      </c>
      <c r="J42" s="97">
        <v>1.0801955798503942E-2</v>
      </c>
      <c r="K42" s="222">
        <v>2474</v>
      </c>
      <c r="L42" s="226">
        <v>9.4E-2</v>
      </c>
      <c r="M42" s="226">
        <v>0.68300000000000005</v>
      </c>
      <c r="N42" s="226">
        <v>0.17299999999999999</v>
      </c>
      <c r="O42" s="97">
        <v>1.5215213279697524E-2</v>
      </c>
      <c r="P42" s="97">
        <v>1.8699398934714201E-2</v>
      </c>
      <c r="Q42" s="226">
        <v>0.05</v>
      </c>
      <c r="R42" s="97">
        <v>8.816415222206159E-3</v>
      </c>
      <c r="S42" s="222">
        <v>2481</v>
      </c>
      <c r="T42" s="226">
        <v>0.32600000000000001</v>
      </c>
      <c r="U42" s="97">
        <v>1.8810562107003687E-2</v>
      </c>
      <c r="V42" s="226">
        <v>0.246</v>
      </c>
      <c r="W42" s="97">
        <v>1.728872023725718E-2</v>
      </c>
      <c r="X42" s="226">
        <v>0.13800000000000001</v>
      </c>
      <c r="Y42" s="97">
        <v>1.8981741506744688E-2</v>
      </c>
      <c r="Z42" s="97">
        <v>0.09</v>
      </c>
      <c r="AA42" s="97">
        <v>1.1519608439517616E-2</v>
      </c>
      <c r="AB42" s="222">
        <v>2481</v>
      </c>
      <c r="AC42" s="97">
        <v>1.3862070334532668E-2</v>
      </c>
      <c r="AD42" s="226">
        <v>0.434</v>
      </c>
      <c r="AE42" s="97">
        <v>1.9885305416687201E-2</v>
      </c>
      <c r="AF42" s="226">
        <v>0.33799999999999997</v>
      </c>
      <c r="AG42" s="97">
        <v>1.8981741506744688E-2</v>
      </c>
      <c r="AH42" s="226">
        <v>0.09</v>
      </c>
    </row>
    <row r="43" spans="1:82">
      <c r="A43" s="45" t="s">
        <v>452</v>
      </c>
      <c r="B43" s="221">
        <v>93</v>
      </c>
      <c r="C43" s="225">
        <v>0.13800000000000001</v>
      </c>
      <c r="D43" s="94">
        <v>7.3088256864311973E-2</v>
      </c>
      <c r="E43" s="225">
        <v>0.17799999999999999</v>
      </c>
      <c r="F43" s="94">
        <v>7.9868692017068935E-2</v>
      </c>
      <c r="G43" s="225">
        <v>0.53400000000000003</v>
      </c>
      <c r="H43" s="94">
        <v>0.10131860016467568</v>
      </c>
      <c r="I43" s="225">
        <v>0.15</v>
      </c>
      <c r="J43" s="94">
        <v>7.5271270677228816E-2</v>
      </c>
      <c r="K43" s="221">
        <v>93</v>
      </c>
      <c r="L43" s="225">
        <v>8.3000000000000004E-2</v>
      </c>
      <c r="M43" s="225">
        <v>0.61599999999999999</v>
      </c>
      <c r="N43" s="225">
        <v>0.222</v>
      </c>
      <c r="O43" s="94">
        <v>8.5905370315498761E-2</v>
      </c>
      <c r="P43" s="94">
        <v>9.8990969342217419E-2</v>
      </c>
      <c r="Q43" s="225">
        <v>7.8E-2</v>
      </c>
      <c r="R43" s="94">
        <v>5.9655543360040995E-2</v>
      </c>
      <c r="S43" s="221">
        <v>93</v>
      </c>
      <c r="T43" s="225">
        <v>0.34699999999999998</v>
      </c>
      <c r="U43" s="94">
        <v>9.7066632907493414E-2</v>
      </c>
      <c r="V43" s="225">
        <v>0.20399999999999999</v>
      </c>
      <c r="W43" s="94">
        <v>8.3594768960193896E-2</v>
      </c>
      <c r="X43" s="225">
        <v>0.224</v>
      </c>
      <c r="Y43" s="94">
        <v>9.3109091218372159E-2</v>
      </c>
      <c r="Z43" s="94">
        <v>0.157</v>
      </c>
      <c r="AA43" s="94">
        <v>7.6482987324935331E-2</v>
      </c>
      <c r="AB43" s="221">
        <v>93</v>
      </c>
      <c r="AC43" s="94">
        <v>8.6149479167332232E-2</v>
      </c>
      <c r="AD43" s="225">
        <v>0.32699999999999996</v>
      </c>
      <c r="AE43" s="94">
        <v>9.5785085226828007E-2</v>
      </c>
      <c r="AF43" s="225">
        <v>0.29200000000000004</v>
      </c>
      <c r="AG43" s="94">
        <v>9.3109091218372159E-2</v>
      </c>
      <c r="AH43" s="225">
        <v>0.157</v>
      </c>
    </row>
    <row r="44" spans="1:82">
      <c r="A44" s="49" t="s">
        <v>172</v>
      </c>
      <c r="B44" s="222">
        <v>245</v>
      </c>
      <c r="C44" s="226">
        <v>0.105</v>
      </c>
      <c r="D44" s="97">
        <v>3.9868778242337921E-2</v>
      </c>
      <c r="E44" s="226">
        <v>0.14000000000000001</v>
      </c>
      <c r="F44" s="97">
        <v>4.4726821113341295E-2</v>
      </c>
      <c r="G44" s="226">
        <v>0.71499999999999997</v>
      </c>
      <c r="H44" s="97">
        <v>5.7420902358539624E-2</v>
      </c>
      <c r="I44" s="226">
        <v>0.04</v>
      </c>
      <c r="J44" s="97">
        <v>2.6929563934634124E-2</v>
      </c>
      <c r="K44" s="222">
        <v>245</v>
      </c>
      <c r="L44" s="226">
        <v>7.0999999999999994E-2</v>
      </c>
      <c r="M44" s="226">
        <v>0.74299999999999999</v>
      </c>
      <c r="N44" s="226">
        <v>0.161</v>
      </c>
      <c r="O44" s="97">
        <v>4.7209961580673379E-2</v>
      </c>
      <c r="P44" s="97">
        <v>5.565714298264593E-2</v>
      </c>
      <c r="Q44" s="226">
        <v>2.5000000000000001E-2</v>
      </c>
      <c r="R44" s="97">
        <v>2.2518451556613493E-2</v>
      </c>
      <c r="S44" s="222">
        <v>245</v>
      </c>
      <c r="T44" s="226">
        <v>0.35499999999999998</v>
      </c>
      <c r="U44" s="97">
        <v>6.0737776801167716E-2</v>
      </c>
      <c r="V44" s="226">
        <v>0.20399999999999999</v>
      </c>
      <c r="W44" s="97">
        <v>5.1511508703015275E-2</v>
      </c>
      <c r="X44" s="226">
        <v>0.104</v>
      </c>
      <c r="Y44" s="97">
        <v>6.0471020635874888E-2</v>
      </c>
      <c r="Z44" s="97">
        <v>9.4E-2</v>
      </c>
      <c r="AA44" s="97">
        <v>3.8111524805440382E-2</v>
      </c>
      <c r="AB44" s="222">
        <v>245</v>
      </c>
      <c r="AC44" s="97">
        <v>3.9714199269013893E-2</v>
      </c>
      <c r="AD44" s="226">
        <v>0.45499999999999996</v>
      </c>
      <c r="AE44" s="97">
        <v>6.3123457495965291E-2</v>
      </c>
      <c r="AF44" s="226">
        <v>0.34799999999999998</v>
      </c>
      <c r="AG44" s="97">
        <v>6.0471020635874888E-2</v>
      </c>
      <c r="AH44" s="226">
        <v>9.4E-2</v>
      </c>
    </row>
    <row r="45" spans="1:82" ht="25.5">
      <c r="A45" s="45" t="s">
        <v>436</v>
      </c>
      <c r="B45" s="221">
        <v>97</v>
      </c>
      <c r="C45" s="225">
        <v>0.124</v>
      </c>
      <c r="D45" s="94">
        <v>6.8823307839584666E-2</v>
      </c>
      <c r="E45" s="225">
        <v>0.22500000000000001</v>
      </c>
      <c r="F45" s="94">
        <v>8.4489493913148223E-2</v>
      </c>
      <c r="G45" s="225">
        <v>0.622</v>
      </c>
      <c r="H45" s="94">
        <v>9.6733089044403447E-2</v>
      </c>
      <c r="I45" s="225">
        <v>2.9000000000000001E-2</v>
      </c>
      <c r="J45" s="94">
        <v>4.2394942995178174E-2</v>
      </c>
      <c r="K45" s="221">
        <v>96</v>
      </c>
      <c r="L45" s="225">
        <v>0.111</v>
      </c>
      <c r="M45" s="225">
        <v>0.70799999999999996</v>
      </c>
      <c r="N45" s="225">
        <v>0.123</v>
      </c>
      <c r="O45" s="94">
        <v>6.8996786475893218E-2</v>
      </c>
      <c r="P45" s="94">
        <v>9.1679419195367956E-2</v>
      </c>
      <c r="Q45" s="225">
        <v>5.8000000000000003E-2</v>
      </c>
      <c r="R45" s="94">
        <v>5.2897084078425347E-2</v>
      </c>
      <c r="S45" s="221">
        <v>97</v>
      </c>
      <c r="T45" s="225">
        <v>0.39</v>
      </c>
      <c r="U45" s="94">
        <v>9.7257326799785646E-2</v>
      </c>
      <c r="V45" s="225">
        <v>0.17</v>
      </c>
      <c r="W45" s="94">
        <v>7.6960819603766661E-2</v>
      </c>
      <c r="X45" s="225">
        <v>9.8000000000000004E-2</v>
      </c>
      <c r="Y45" s="94">
        <v>9.6151302779692693E-2</v>
      </c>
      <c r="Z45" s="94">
        <v>7.2999999999999995E-2</v>
      </c>
      <c r="AA45" s="94">
        <v>5.6926884756032338E-2</v>
      </c>
      <c r="AB45" s="221">
        <v>97</v>
      </c>
      <c r="AC45" s="94">
        <v>6.3227655689658865E-2</v>
      </c>
      <c r="AD45" s="225">
        <v>0.46199999999999997</v>
      </c>
      <c r="AE45" s="94">
        <v>9.9238309307061498E-2</v>
      </c>
      <c r="AF45" s="225">
        <v>0.36599999999999999</v>
      </c>
      <c r="AG45" s="94">
        <v>9.6151302779692693E-2</v>
      </c>
      <c r="AH45" s="225">
        <v>7.2999999999999995E-2</v>
      </c>
    </row>
    <row r="46" spans="1:82" ht="25.5">
      <c r="A46" s="49" t="s">
        <v>437</v>
      </c>
      <c r="B46" s="222">
        <v>115</v>
      </c>
      <c r="C46" s="226">
        <v>0.13800000000000001</v>
      </c>
      <c r="D46" s="97">
        <v>6.5495556026608767E-2</v>
      </c>
      <c r="E46" s="226">
        <v>9.8000000000000004E-2</v>
      </c>
      <c r="F46" s="97">
        <v>5.7709077380072187E-2</v>
      </c>
      <c r="G46" s="226">
        <v>0.72099999999999997</v>
      </c>
      <c r="H46" s="97">
        <v>8.2886425259920432E-2</v>
      </c>
      <c r="I46" s="226">
        <v>4.2000000000000003E-2</v>
      </c>
      <c r="J46" s="97">
        <v>4.2644032469430083E-2</v>
      </c>
      <c r="K46" s="222">
        <v>116</v>
      </c>
      <c r="L46" s="226">
        <v>7.8E-2</v>
      </c>
      <c r="M46" s="226">
        <v>0.69699999999999995</v>
      </c>
      <c r="N46" s="226">
        <v>0.214</v>
      </c>
      <c r="O46" s="97">
        <v>7.6062733367973354E-2</v>
      </c>
      <c r="P46" s="97">
        <v>8.4406782025213192E-2</v>
      </c>
      <c r="Q46" s="226">
        <v>1.0999999999999999E-2</v>
      </c>
      <c r="R46" s="97">
        <v>2.9751588192901565E-2</v>
      </c>
      <c r="S46" s="222">
        <v>115</v>
      </c>
      <c r="T46" s="226">
        <v>0.27500000000000002</v>
      </c>
      <c r="U46" s="97">
        <v>8.2547905519690282E-2</v>
      </c>
      <c r="V46" s="226">
        <v>0.23799999999999999</v>
      </c>
      <c r="W46" s="97">
        <v>7.9047515616843214E-2</v>
      </c>
      <c r="X46" s="226">
        <v>0.13500000000000001</v>
      </c>
      <c r="Y46" s="97">
        <v>8.8397797436461978E-2</v>
      </c>
      <c r="Z46" s="97">
        <v>0.124</v>
      </c>
      <c r="AA46" s="97">
        <v>6.2970857150547524E-2</v>
      </c>
      <c r="AB46" s="222">
        <v>115</v>
      </c>
      <c r="AC46" s="97">
        <v>6.4970782425762291E-2</v>
      </c>
      <c r="AD46" s="226">
        <v>0.378</v>
      </c>
      <c r="AE46" s="97">
        <v>8.9084944478804856E-2</v>
      </c>
      <c r="AF46" s="226">
        <v>0.36299999999999999</v>
      </c>
      <c r="AG46" s="97">
        <v>8.8397797436461978E-2</v>
      </c>
      <c r="AH46" s="226">
        <v>0.124</v>
      </c>
    </row>
    <row r="47" spans="1:82">
      <c r="A47" s="45" t="s">
        <v>453</v>
      </c>
      <c r="B47" s="221">
        <v>541</v>
      </c>
      <c r="C47" s="225">
        <v>0.18</v>
      </c>
      <c r="D47" s="94">
        <v>3.3080119946095748E-2</v>
      </c>
      <c r="E47" s="225">
        <v>0.155</v>
      </c>
      <c r="F47" s="94">
        <v>3.1209942473899528E-2</v>
      </c>
      <c r="G47" s="225">
        <v>0.57099999999999995</v>
      </c>
      <c r="H47" s="94">
        <v>4.24076092171723E-2</v>
      </c>
      <c r="I47" s="225">
        <v>9.4E-2</v>
      </c>
      <c r="J47" s="94">
        <v>2.5352521066426964E-2</v>
      </c>
      <c r="K47" s="221">
        <v>541</v>
      </c>
      <c r="L47" s="225">
        <v>7.4999999999999997E-2</v>
      </c>
      <c r="M47" s="225">
        <v>0.66300000000000003</v>
      </c>
      <c r="N47" s="225">
        <v>0.21099999999999999</v>
      </c>
      <c r="O47" s="94">
        <v>3.5083177417341842E-2</v>
      </c>
      <c r="P47" s="94">
        <v>4.0530389320217748E-2</v>
      </c>
      <c r="Q47" s="225">
        <v>5.0999999999999997E-2</v>
      </c>
      <c r="R47" s="94">
        <v>1.9412928821213066E-2</v>
      </c>
      <c r="S47" s="221">
        <v>543</v>
      </c>
      <c r="T47" s="225">
        <v>0.27900000000000003</v>
      </c>
      <c r="U47" s="94">
        <v>3.8421381448905639E-2</v>
      </c>
      <c r="V47" s="225">
        <v>0.245</v>
      </c>
      <c r="W47" s="94">
        <v>3.6872479327358126E-2</v>
      </c>
      <c r="X47" s="225">
        <v>0.126</v>
      </c>
      <c r="Y47" s="94">
        <v>4.1168803009646066E-2</v>
      </c>
      <c r="Z47" s="94">
        <v>0.112</v>
      </c>
      <c r="AA47" s="94">
        <v>2.7263986754877127E-2</v>
      </c>
      <c r="AB47" s="221">
        <v>543</v>
      </c>
      <c r="AC47" s="94">
        <v>2.8639119854285178E-2</v>
      </c>
      <c r="AD47" s="225">
        <v>0.39800000000000002</v>
      </c>
      <c r="AE47" s="94">
        <v>4.1871013262100208E-2</v>
      </c>
      <c r="AF47" s="225">
        <v>0.36399999999999999</v>
      </c>
      <c r="AG47" s="94">
        <v>4.1168803009646066E-2</v>
      </c>
      <c r="AH47" s="225">
        <v>0.112</v>
      </c>
    </row>
    <row r="48" spans="1:82" ht="25.5">
      <c r="A48" s="49" t="s">
        <v>438</v>
      </c>
      <c r="B48" s="222">
        <v>81</v>
      </c>
      <c r="C48" s="226">
        <v>0.245</v>
      </c>
      <c r="D48" s="97">
        <v>9.479414228613868E-2</v>
      </c>
      <c r="E48" s="226">
        <v>0.316</v>
      </c>
      <c r="F48" s="97">
        <v>0.1015770867710326</v>
      </c>
      <c r="G48" s="226">
        <v>0.34100000000000003</v>
      </c>
      <c r="H48" s="97">
        <v>0.1033651215790289</v>
      </c>
      <c r="I48" s="226">
        <v>9.8000000000000004E-2</v>
      </c>
      <c r="J48" s="97">
        <v>6.9704556645738117E-2</v>
      </c>
      <c r="K48" s="222">
        <v>82</v>
      </c>
      <c r="L48" s="226">
        <v>0.153</v>
      </c>
      <c r="M48" s="226">
        <v>0.58699999999999997</v>
      </c>
      <c r="N48" s="226">
        <v>0.26100000000000001</v>
      </c>
      <c r="O48" s="97">
        <v>9.5981832034491288E-2</v>
      </c>
      <c r="P48" s="97">
        <v>0.10633836271311979</v>
      </c>
      <c r="Q48" s="226">
        <v>0</v>
      </c>
      <c r="R48" s="97">
        <v>3.2504011252172456E-2</v>
      </c>
      <c r="S48" s="222">
        <v>82</v>
      </c>
      <c r="T48" s="226">
        <v>0.28800000000000003</v>
      </c>
      <c r="U48" s="97">
        <v>9.862770223538736E-2</v>
      </c>
      <c r="V48" s="226">
        <v>0.23799999999999999</v>
      </c>
      <c r="W48" s="97">
        <v>9.3409074964363681E-2</v>
      </c>
      <c r="X48" s="226">
        <v>2.9000000000000001E-2</v>
      </c>
      <c r="Y48" s="97">
        <v>0.10630356253271356</v>
      </c>
      <c r="Z48" s="97">
        <v>6.2E-2</v>
      </c>
      <c r="AA48" s="97">
        <v>5.9293095921172732E-2</v>
      </c>
      <c r="AB48" s="222">
        <v>82</v>
      </c>
      <c r="AC48" s="97">
        <v>4.7404963170121779E-2</v>
      </c>
      <c r="AD48" s="226">
        <v>0.497</v>
      </c>
      <c r="AE48" s="97">
        <v>0.1078310085572788</v>
      </c>
      <c r="AF48" s="226">
        <v>0.41200000000000003</v>
      </c>
      <c r="AG48" s="97">
        <v>0.10630356253271356</v>
      </c>
      <c r="AH48" s="226">
        <v>6.2E-2</v>
      </c>
    </row>
    <row r="49" spans="1:34" ht="25.5">
      <c r="A49" s="45" t="s">
        <v>439</v>
      </c>
      <c r="B49" s="221">
        <v>78</v>
      </c>
      <c r="C49" s="225">
        <v>0.21299999999999999</v>
      </c>
      <c r="D49" s="94">
        <v>9.2517895434395592E-2</v>
      </c>
      <c r="E49" s="225">
        <v>4.1000000000000002E-2</v>
      </c>
      <c r="F49" s="94">
        <v>5.3816273212290704E-2</v>
      </c>
      <c r="G49" s="225">
        <v>0.65500000000000003</v>
      </c>
      <c r="H49" s="94">
        <v>0.10552117671796525</v>
      </c>
      <c r="I49" s="225">
        <v>9.0999999999999998E-2</v>
      </c>
      <c r="J49" s="94">
        <v>6.936683905889067E-2</v>
      </c>
      <c r="K49" s="221">
        <v>79</v>
      </c>
      <c r="L49" s="225">
        <v>4.2000000000000003E-2</v>
      </c>
      <c r="M49" s="225">
        <v>0.81699999999999995</v>
      </c>
      <c r="N49" s="225">
        <v>0.14000000000000001</v>
      </c>
      <c r="O49" s="94">
        <v>7.9936892177535773E-2</v>
      </c>
      <c r="P49" s="94">
        <v>8.7526463249182257E-2</v>
      </c>
      <c r="Q49" s="225">
        <v>0</v>
      </c>
      <c r="R49" s="94">
        <v>3.3664360151118053E-2</v>
      </c>
      <c r="S49" s="221">
        <v>80</v>
      </c>
      <c r="T49" s="225">
        <v>0.255</v>
      </c>
      <c r="U49" s="94">
        <v>9.6499581927432784E-2</v>
      </c>
      <c r="V49" s="225">
        <v>0.152</v>
      </c>
      <c r="W49" s="94">
        <v>8.1694874246393892E-2</v>
      </c>
      <c r="X49" s="225">
        <v>0.16300000000000001</v>
      </c>
      <c r="Y49" s="94">
        <v>0.10906440176234602</v>
      </c>
      <c r="Z49" s="94">
        <v>0.108</v>
      </c>
      <c r="AA49" s="94">
        <v>7.257909387506066E-2</v>
      </c>
      <c r="AB49" s="221">
        <v>80</v>
      </c>
      <c r="AC49" s="94">
        <v>8.3663034210939569E-2</v>
      </c>
      <c r="AD49" s="225">
        <v>0.24399999999999999</v>
      </c>
      <c r="AE49" s="94">
        <v>9.5258274506175911E-2</v>
      </c>
      <c r="AF49" s="225">
        <v>0.48499999999999999</v>
      </c>
      <c r="AG49" s="94">
        <v>0.10906440176234602</v>
      </c>
      <c r="AH49" s="225">
        <v>0.108</v>
      </c>
    </row>
    <row r="50" spans="1:34">
      <c r="A50" s="49" t="s">
        <v>440</v>
      </c>
      <c r="B50" s="222">
        <v>79</v>
      </c>
      <c r="C50" s="226">
        <v>0.05</v>
      </c>
      <c r="D50" s="97">
        <v>5.6631447389742864E-2</v>
      </c>
      <c r="E50" s="226">
        <v>6.5000000000000002E-2</v>
      </c>
      <c r="F50" s="97">
        <v>6.1536186232451814E-2</v>
      </c>
      <c r="G50" s="226">
        <v>0.81599999999999995</v>
      </c>
      <c r="H50" s="97">
        <v>8.7684196437518069E-2</v>
      </c>
      <c r="I50" s="226">
        <v>6.9000000000000006E-2</v>
      </c>
      <c r="J50" s="97">
        <v>6.2753000889890123E-2</v>
      </c>
      <c r="K50" s="222">
        <v>79</v>
      </c>
      <c r="L50" s="226">
        <v>7.1999999999999995E-2</v>
      </c>
      <c r="M50" s="226">
        <v>0.68600000000000005</v>
      </c>
      <c r="N50" s="226">
        <v>0.2</v>
      </c>
      <c r="O50" s="97">
        <v>9.0104536320166947E-2</v>
      </c>
      <c r="P50" s="97">
        <v>0.10265351795046804</v>
      </c>
      <c r="Q50" s="226">
        <v>4.1000000000000002E-2</v>
      </c>
      <c r="R50" s="97">
        <v>5.3384843609184419E-2</v>
      </c>
      <c r="S50" s="222">
        <v>79</v>
      </c>
      <c r="T50" s="226">
        <v>0.20799999999999999</v>
      </c>
      <c r="U50" s="97">
        <v>9.1244722585892557E-2</v>
      </c>
      <c r="V50" s="226">
        <v>0.315</v>
      </c>
      <c r="W50" s="97">
        <v>0.10273238274560309</v>
      </c>
      <c r="X50" s="226">
        <v>0.106</v>
      </c>
      <c r="Y50" s="97">
        <v>0.10613312740610363</v>
      </c>
      <c r="Z50" s="97">
        <v>0.112</v>
      </c>
      <c r="AA50" s="97">
        <v>7.3996619955052981E-2</v>
      </c>
      <c r="AB50" s="222">
        <v>79</v>
      </c>
      <c r="AC50" s="97">
        <v>7.2599234524247144E-2</v>
      </c>
      <c r="AD50" s="226">
        <v>0.41699999999999998</v>
      </c>
      <c r="AE50" s="97">
        <v>0.10838552341870655</v>
      </c>
      <c r="AF50" s="226">
        <v>0.36599999999999999</v>
      </c>
      <c r="AG50" s="97">
        <v>0.10613312740610363</v>
      </c>
      <c r="AH50" s="226">
        <v>0.112</v>
      </c>
    </row>
    <row r="51" spans="1:34">
      <c r="A51" s="57" t="s">
        <v>441</v>
      </c>
      <c r="B51" s="221">
        <v>75</v>
      </c>
      <c r="C51" s="225">
        <v>0.316</v>
      </c>
      <c r="D51" s="94">
        <v>0.10541915358104985</v>
      </c>
      <c r="E51" s="225">
        <v>0.21199999999999999</v>
      </c>
      <c r="F51" s="94">
        <v>9.4196871554212372E-2</v>
      </c>
      <c r="G51" s="225">
        <v>0.44800000000000001</v>
      </c>
      <c r="H51" s="94">
        <v>0.11195905457752925</v>
      </c>
      <c r="I51" s="225">
        <v>2.4E-2</v>
      </c>
      <c r="J51" s="94">
        <v>4.814931104783636E-2</v>
      </c>
      <c r="K51" s="221">
        <v>74</v>
      </c>
      <c r="L51" s="225">
        <v>2.7E-2</v>
      </c>
      <c r="M51" s="225">
        <v>0.73599999999999999</v>
      </c>
      <c r="N51" s="225">
        <v>0.19900000000000001</v>
      </c>
      <c r="O51" s="94">
        <v>9.2944191506008453E-2</v>
      </c>
      <c r="P51" s="94">
        <v>0.10124100167638923</v>
      </c>
      <c r="Q51" s="225">
        <v>3.7999999999999999E-2</v>
      </c>
      <c r="R51" s="94">
        <v>5.4484232893988939E-2</v>
      </c>
      <c r="S51" s="221">
        <v>74</v>
      </c>
      <c r="T51" s="225">
        <v>0.34699999999999998</v>
      </c>
      <c r="U51" s="94">
        <v>0.10835136598165025</v>
      </c>
      <c r="V51" s="225">
        <v>0.214</v>
      </c>
      <c r="W51" s="94">
        <v>9.5105399620826148E-2</v>
      </c>
      <c r="X51" s="225">
        <v>0.19</v>
      </c>
      <c r="Y51" s="94">
        <v>0.10822007976319611</v>
      </c>
      <c r="Z51" s="94">
        <v>9.4E-2</v>
      </c>
      <c r="AA51" s="94">
        <v>7.2195163790064354E-2</v>
      </c>
      <c r="AB51" s="221">
        <v>74</v>
      </c>
      <c r="AC51" s="94">
        <v>9.1568576456509634E-2</v>
      </c>
      <c r="AD51" s="225">
        <v>0.371</v>
      </c>
      <c r="AE51" s="94">
        <v>0.10978347125070488</v>
      </c>
      <c r="AF51" s="225">
        <v>0.34499999999999997</v>
      </c>
      <c r="AG51" s="94">
        <v>0.10822007976319611</v>
      </c>
      <c r="AH51" s="225">
        <v>9.4E-2</v>
      </c>
    </row>
    <row r="52" spans="1:34" ht="25.5">
      <c r="A52" s="49" t="s">
        <v>442</v>
      </c>
      <c r="B52" s="222">
        <v>113</v>
      </c>
      <c r="C52" s="226">
        <v>0.14299999999999999</v>
      </c>
      <c r="D52" s="97">
        <v>6.6952335739614149E-2</v>
      </c>
      <c r="E52" s="226">
        <v>5.2999999999999999E-2</v>
      </c>
      <c r="F52" s="97">
        <v>4.6637211493500086E-2</v>
      </c>
      <c r="G52" s="226">
        <v>0.72299999999999998</v>
      </c>
      <c r="H52" s="97">
        <v>8.3433406408865443E-2</v>
      </c>
      <c r="I52" s="226">
        <v>0.08</v>
      </c>
      <c r="J52" s="97">
        <v>5.405137104356169E-2</v>
      </c>
      <c r="K52" s="222">
        <v>113</v>
      </c>
      <c r="L52" s="226">
        <v>0.104</v>
      </c>
      <c r="M52" s="226">
        <v>0.57499999999999996</v>
      </c>
      <c r="N52" s="226">
        <v>0.27400000000000002</v>
      </c>
      <c r="O52" s="97">
        <v>8.317557936563498E-2</v>
      </c>
      <c r="P52" s="97">
        <v>9.1474725062276163E-2</v>
      </c>
      <c r="Q52" s="226">
        <v>4.7E-2</v>
      </c>
      <c r="R52" s="97">
        <v>4.4752894911631189E-2</v>
      </c>
      <c r="S52" s="222">
        <v>112</v>
      </c>
      <c r="T52" s="226">
        <v>0.308</v>
      </c>
      <c r="U52" s="97">
        <v>8.623034734542688E-2</v>
      </c>
      <c r="V52" s="226">
        <v>0.25</v>
      </c>
      <c r="W52" s="97">
        <v>8.1311667003860763E-2</v>
      </c>
      <c r="X52" s="226">
        <v>0.185</v>
      </c>
      <c r="Y52" s="97">
        <v>9.0529352001117641E-2</v>
      </c>
      <c r="Z52" s="97">
        <v>5.8000000000000003E-2</v>
      </c>
      <c r="AA52" s="97">
        <v>4.8379633669930325E-2</v>
      </c>
      <c r="AB52" s="222">
        <v>112</v>
      </c>
      <c r="AC52" s="97">
        <v>7.3695580484637813E-2</v>
      </c>
      <c r="AD52" s="226">
        <v>0.373</v>
      </c>
      <c r="AE52" s="97">
        <v>9.0012291587563076E-2</v>
      </c>
      <c r="AF52" s="226">
        <v>0.38500000000000001</v>
      </c>
      <c r="AG52" s="97">
        <v>9.0529352001117641E-2</v>
      </c>
      <c r="AH52" s="226">
        <v>5.8000000000000003E-2</v>
      </c>
    </row>
    <row r="53" spans="1:34">
      <c r="A53" s="57" t="s">
        <v>443</v>
      </c>
      <c r="B53" s="221">
        <v>171</v>
      </c>
      <c r="C53" s="225">
        <v>0.187</v>
      </c>
      <c r="D53" s="94">
        <v>5.9801270708536663E-2</v>
      </c>
      <c r="E53" s="225">
        <v>0.188</v>
      </c>
      <c r="F53" s="94">
        <v>5.9915207543442262E-2</v>
      </c>
      <c r="G53" s="225">
        <v>0.49199999999999999</v>
      </c>
      <c r="H53" s="94">
        <v>7.5583655417980566E-2</v>
      </c>
      <c r="I53" s="225">
        <v>0.13300000000000001</v>
      </c>
      <c r="J53" s="94">
        <v>5.2676444895327704E-2</v>
      </c>
      <c r="K53" s="221">
        <v>169</v>
      </c>
      <c r="L53" s="225">
        <v>0.08</v>
      </c>
      <c r="M53" s="225">
        <v>0.623</v>
      </c>
      <c r="N53" s="225">
        <v>0.19700000000000001</v>
      </c>
      <c r="O53" s="94">
        <v>6.1274974275098641E-2</v>
      </c>
      <c r="P53" s="94">
        <v>7.3800624869286971E-2</v>
      </c>
      <c r="Q53" s="225">
        <v>0.10100000000000001</v>
      </c>
      <c r="R53" s="94">
        <v>4.7619830553726782E-2</v>
      </c>
      <c r="S53" s="221">
        <v>171</v>
      </c>
      <c r="T53" s="225">
        <v>0.30000000000000004</v>
      </c>
      <c r="U53" s="94">
        <v>6.9579582139654039E-2</v>
      </c>
      <c r="V53" s="225">
        <v>0.251</v>
      </c>
      <c r="W53" s="94">
        <v>6.6039112059339544E-2</v>
      </c>
      <c r="X53" s="225">
        <v>0.13700000000000001</v>
      </c>
      <c r="Y53" s="94">
        <v>6.9453377201626199E-2</v>
      </c>
      <c r="Z53" s="94">
        <v>0.152</v>
      </c>
      <c r="AA53" s="94">
        <v>5.5419215274316105E-2</v>
      </c>
      <c r="AB53" s="221">
        <v>171</v>
      </c>
      <c r="AC53" s="94">
        <v>5.3277898528847269E-2</v>
      </c>
      <c r="AD53" s="225">
        <v>0.41400000000000003</v>
      </c>
      <c r="AE53" s="94">
        <v>7.4517608860416695E-2</v>
      </c>
      <c r="AF53" s="225">
        <v>0.29799999999999999</v>
      </c>
      <c r="AG53" s="94">
        <v>6.9453377201626199E-2</v>
      </c>
      <c r="AH53" s="225">
        <v>0.152</v>
      </c>
    </row>
    <row r="54" spans="1:34">
      <c r="A54" s="49" t="s">
        <v>455</v>
      </c>
      <c r="B54" s="222">
        <v>150</v>
      </c>
      <c r="C54" s="226">
        <v>9.5000000000000001E-2</v>
      </c>
      <c r="D54" s="97">
        <v>4.9513246227225992E-2</v>
      </c>
      <c r="E54" s="226">
        <v>0.11</v>
      </c>
      <c r="F54" s="97">
        <v>5.2396759201966382E-2</v>
      </c>
      <c r="G54" s="226">
        <v>0.73199999999999998</v>
      </c>
      <c r="H54" s="97">
        <v>7.1882974807288003E-2</v>
      </c>
      <c r="I54" s="226">
        <v>6.2E-2</v>
      </c>
      <c r="J54" s="97">
        <v>4.2024264641532048E-2</v>
      </c>
      <c r="K54" s="222">
        <v>149</v>
      </c>
      <c r="L54" s="226">
        <v>0.09</v>
      </c>
      <c r="M54" s="226">
        <v>0.77</v>
      </c>
      <c r="N54" s="226">
        <v>0.126</v>
      </c>
      <c r="O54" s="97">
        <v>5.5387446452804204E-2</v>
      </c>
      <c r="P54" s="97">
        <v>6.876348356737462E-2</v>
      </c>
      <c r="Q54" s="226">
        <v>1.4E-2</v>
      </c>
      <c r="R54" s="97">
        <v>2.6068125028504693E-2</v>
      </c>
      <c r="S54" s="222">
        <v>150</v>
      </c>
      <c r="T54" s="226">
        <v>0.33300000000000002</v>
      </c>
      <c r="U54" s="97">
        <v>7.6198811032450214E-2</v>
      </c>
      <c r="V54" s="226">
        <v>0.32700000000000001</v>
      </c>
      <c r="W54" s="97">
        <v>7.5868231916828094E-2</v>
      </c>
      <c r="X54" s="226">
        <v>0.105</v>
      </c>
      <c r="Y54" s="97">
        <v>7.4081064740191299E-2</v>
      </c>
      <c r="Z54" s="97">
        <v>4.2000000000000003E-2</v>
      </c>
      <c r="AA54" s="97">
        <v>3.6392989863335466E-2</v>
      </c>
      <c r="AB54" s="222">
        <v>150</v>
      </c>
      <c r="AC54" s="97">
        <v>5.1465518032597038E-2</v>
      </c>
      <c r="AD54" s="226">
        <v>0.55500000000000005</v>
      </c>
      <c r="AE54" s="97">
        <v>8.0118435390188772E-2</v>
      </c>
      <c r="AF54" s="226">
        <v>0.29800000000000004</v>
      </c>
      <c r="AG54" s="97">
        <v>7.4081064740191299E-2</v>
      </c>
      <c r="AH54" s="226">
        <v>4.2000000000000003E-2</v>
      </c>
    </row>
    <row r="55" spans="1:34">
      <c r="A55" s="57" t="s">
        <v>444</v>
      </c>
      <c r="B55" s="221">
        <v>89</v>
      </c>
      <c r="C55" s="225">
        <v>0.11600000000000001</v>
      </c>
      <c r="D55" s="94">
        <v>7.0315909143293553E-2</v>
      </c>
      <c r="E55" s="225">
        <v>0.10199999999999999</v>
      </c>
      <c r="F55" s="94">
        <v>6.7179462761091491E-2</v>
      </c>
      <c r="G55" s="225">
        <v>0.70599999999999996</v>
      </c>
      <c r="H55" s="94">
        <v>9.5294880249563049E-2</v>
      </c>
      <c r="I55" s="225">
        <v>7.4999999999999997E-2</v>
      </c>
      <c r="J55" s="94">
        <v>6.0314049695514953E-2</v>
      </c>
      <c r="K55" s="221">
        <v>89</v>
      </c>
      <c r="L55" s="225">
        <v>7.3999999999999996E-2</v>
      </c>
      <c r="M55" s="225">
        <v>0.76700000000000002</v>
      </c>
      <c r="N55" s="225">
        <v>0.13600000000000001</v>
      </c>
      <c r="O55" s="94">
        <v>7.4388228266852666E-2</v>
      </c>
      <c r="P55" s="94">
        <v>8.9132378969895884E-2</v>
      </c>
      <c r="Q55" s="225">
        <v>2.4E-2</v>
      </c>
      <c r="R55" s="94">
        <v>4.2752229410552713E-2</v>
      </c>
      <c r="S55" s="221">
        <v>89</v>
      </c>
      <c r="T55" s="225">
        <v>0.38400000000000001</v>
      </c>
      <c r="U55" s="94">
        <v>0.10110712147208094</v>
      </c>
      <c r="V55" s="225">
        <v>0.28999999999999998</v>
      </c>
      <c r="W55" s="94">
        <v>9.4950347341509159E-2</v>
      </c>
      <c r="X55" s="225">
        <v>0.109</v>
      </c>
      <c r="Y55" s="94">
        <v>9.4146066603638098E-2</v>
      </c>
      <c r="Z55" s="94">
        <v>4.3999999999999997E-2</v>
      </c>
      <c r="AA55" s="94">
        <v>5.0616118716621104E-2</v>
      </c>
      <c r="AB55" s="221">
        <v>89</v>
      </c>
      <c r="AC55" s="94">
        <v>6.8779602941362442E-2</v>
      </c>
      <c r="AD55" s="225">
        <v>0.56499999999999995</v>
      </c>
      <c r="AE55" s="94">
        <v>0.10288956913969531</v>
      </c>
      <c r="AF55" s="225">
        <v>0.28100000000000003</v>
      </c>
      <c r="AG55" s="94">
        <v>9.4146066603638098E-2</v>
      </c>
      <c r="AH55" s="225">
        <v>4.3999999999999997E-2</v>
      </c>
    </row>
    <row r="56" spans="1:34">
      <c r="A56" s="49" t="s">
        <v>454</v>
      </c>
      <c r="B56" s="222">
        <v>258</v>
      </c>
      <c r="C56" s="226">
        <v>0.19900000000000001</v>
      </c>
      <c r="D56" s="97">
        <v>4.975425485115996E-2</v>
      </c>
      <c r="E56" s="226">
        <v>0.129</v>
      </c>
      <c r="F56" s="97">
        <v>4.2179133864178826E-2</v>
      </c>
      <c r="G56" s="226">
        <v>0.499</v>
      </c>
      <c r="H56" s="97">
        <v>6.1780086505029461E-2</v>
      </c>
      <c r="I56" s="226">
        <v>0.17299999999999999</v>
      </c>
      <c r="J56" s="97">
        <v>4.7262638587765818E-2</v>
      </c>
      <c r="K56" s="222">
        <v>256</v>
      </c>
      <c r="L56" s="226">
        <v>0.112</v>
      </c>
      <c r="M56" s="226">
        <v>0.65900000000000003</v>
      </c>
      <c r="N56" s="226">
        <v>0.16</v>
      </c>
      <c r="O56" s="97">
        <v>4.60650981062799E-2</v>
      </c>
      <c r="P56" s="97">
        <v>5.8898986964572575E-2</v>
      </c>
      <c r="Q56" s="226">
        <v>7.0000000000000007E-2</v>
      </c>
      <c r="R56" s="97">
        <v>3.2990783667708752E-2</v>
      </c>
      <c r="S56" s="222">
        <v>258</v>
      </c>
      <c r="T56" s="226">
        <v>0.36499999999999999</v>
      </c>
      <c r="U56" s="97">
        <v>5.955653424844199E-2</v>
      </c>
      <c r="V56" s="226">
        <v>0.219</v>
      </c>
      <c r="W56" s="97">
        <v>5.1456884515659808E-2</v>
      </c>
      <c r="X56" s="226">
        <v>0.17499999999999999</v>
      </c>
      <c r="Y56" s="97">
        <v>5.7092989421442066E-2</v>
      </c>
      <c r="Z56" s="97">
        <v>0.11</v>
      </c>
      <c r="AA56" s="97">
        <v>3.9560336048114035E-2</v>
      </c>
      <c r="AB56" s="222">
        <v>258</v>
      </c>
      <c r="AC56" s="97">
        <v>4.7466431861082466E-2</v>
      </c>
      <c r="AD56" s="226">
        <v>0.40900000000000003</v>
      </c>
      <c r="AE56" s="97">
        <v>6.0779908890622923E-2</v>
      </c>
      <c r="AF56" s="226">
        <v>0.30599999999999999</v>
      </c>
      <c r="AG56" s="97">
        <v>5.7092989421442066E-2</v>
      </c>
      <c r="AH56" s="226">
        <v>0.11</v>
      </c>
    </row>
    <row r="57" spans="1:34" ht="25.5">
      <c r="A57" s="57" t="s">
        <v>445</v>
      </c>
      <c r="B57" s="221">
        <v>111</v>
      </c>
      <c r="C57" s="225">
        <v>0.189</v>
      </c>
      <c r="D57" s="94">
        <v>7.4574829985475238E-2</v>
      </c>
      <c r="E57" s="225">
        <v>0.184</v>
      </c>
      <c r="F57" s="94">
        <v>7.3890564338859363E-2</v>
      </c>
      <c r="G57" s="225">
        <v>0.48799999999999999</v>
      </c>
      <c r="H57" s="94">
        <v>9.3225457089751843E-2</v>
      </c>
      <c r="I57" s="225">
        <v>0.14000000000000001</v>
      </c>
      <c r="J57" s="94">
        <v>6.7051922314125795E-2</v>
      </c>
      <c r="K57" s="221">
        <v>111</v>
      </c>
      <c r="L57" s="225">
        <v>0.153</v>
      </c>
      <c r="M57" s="225">
        <v>0.73599999999999999</v>
      </c>
      <c r="N57" s="225">
        <v>5.7000000000000002E-2</v>
      </c>
      <c r="O57" s="94">
        <v>4.8334226399150526E-2</v>
      </c>
      <c r="P57" s="94">
        <v>8.3010972907675409E-2</v>
      </c>
      <c r="Q57" s="225">
        <v>5.3999999999999999E-2</v>
      </c>
      <c r="R57" s="94">
        <v>4.7431774440732571E-2</v>
      </c>
      <c r="S57" s="221">
        <v>112</v>
      </c>
      <c r="T57" s="225">
        <v>0.314</v>
      </c>
      <c r="U57" s="94">
        <v>8.6652057757071119E-2</v>
      </c>
      <c r="V57" s="225">
        <v>0.254</v>
      </c>
      <c r="W57" s="94">
        <v>8.1702901659433849E-2</v>
      </c>
      <c r="X57" s="225">
        <v>0.13100000000000001</v>
      </c>
      <c r="Y57" s="94">
        <v>8.7702227313304085E-2</v>
      </c>
      <c r="Z57" s="94">
        <v>0.10199999999999999</v>
      </c>
      <c r="AA57" s="94">
        <v>5.9402792756579649E-2</v>
      </c>
      <c r="AB57" s="221">
        <v>112</v>
      </c>
      <c r="AC57" s="94">
        <v>6.5143742946421945E-2</v>
      </c>
      <c r="AD57" s="225">
        <v>0.437</v>
      </c>
      <c r="AE57" s="94">
        <v>9.2158036070026081E-2</v>
      </c>
      <c r="AF57" s="225">
        <v>0.32999999999999996</v>
      </c>
      <c r="AG57" s="94">
        <v>8.7702227313304085E-2</v>
      </c>
      <c r="AH57" s="225">
        <v>0.10199999999999999</v>
      </c>
    </row>
    <row r="58" spans="1:34" ht="25.5">
      <c r="A58" s="49" t="s">
        <v>471</v>
      </c>
      <c r="B58" s="222">
        <v>91</v>
      </c>
      <c r="C58" s="226">
        <v>0.193</v>
      </c>
      <c r="D58" s="97">
        <v>8.2976386813509551E-2</v>
      </c>
      <c r="E58" s="226">
        <v>0.112</v>
      </c>
      <c r="F58" s="97">
        <v>6.8630665867521992E-2</v>
      </c>
      <c r="G58" s="226">
        <v>0.42799999999999999</v>
      </c>
      <c r="H58" s="97">
        <v>0.10161710525248703</v>
      </c>
      <c r="I58" s="226">
        <v>0.26700000000000002</v>
      </c>
      <c r="J58" s="97">
        <v>9.1809060173605073E-2</v>
      </c>
      <c r="K58" s="222">
        <v>90</v>
      </c>
      <c r="L58" s="226">
        <v>6.5000000000000002E-2</v>
      </c>
      <c r="M58" s="226">
        <v>0.622</v>
      </c>
      <c r="N58" s="226">
        <v>0.24099999999999999</v>
      </c>
      <c r="O58" s="97">
        <v>8.9563136589187409E-2</v>
      </c>
      <c r="P58" s="97">
        <v>0.10028804723808415</v>
      </c>
      <c r="Q58" s="226">
        <v>7.0999999999999994E-2</v>
      </c>
      <c r="R58" s="97">
        <v>5.8814098451855777E-2</v>
      </c>
      <c r="S58" s="222">
        <v>91</v>
      </c>
      <c r="T58" s="226">
        <v>0.41600000000000004</v>
      </c>
      <c r="U58" s="97">
        <v>0.1012606184626386</v>
      </c>
      <c r="V58" s="226">
        <v>0.17399999999999999</v>
      </c>
      <c r="W58" s="97">
        <v>8.0127568328873508E-2</v>
      </c>
      <c r="X58" s="226">
        <v>0.156</v>
      </c>
      <c r="Y58" s="97">
        <v>9.2576774898565264E-2</v>
      </c>
      <c r="Z58" s="97">
        <v>0.13500000000000001</v>
      </c>
      <c r="AA58" s="97">
        <v>7.3343534570366381E-2</v>
      </c>
      <c r="AB58" s="222">
        <v>91</v>
      </c>
      <c r="AC58" s="97">
        <v>7.7165398432617549E-2</v>
      </c>
      <c r="AD58" s="226">
        <v>0.434</v>
      </c>
      <c r="AE58" s="97">
        <v>0.10177438381132529</v>
      </c>
      <c r="AF58" s="226">
        <v>0.27500000000000002</v>
      </c>
      <c r="AG58" s="97">
        <v>9.2576774898565264E-2</v>
      </c>
      <c r="AH58" s="226">
        <v>0.13500000000000001</v>
      </c>
    </row>
    <row r="59" spans="1:34" ht="25.5">
      <c r="A59" s="57" t="s">
        <v>442</v>
      </c>
      <c r="B59" s="221">
        <v>113</v>
      </c>
      <c r="C59" s="225">
        <v>0.14299999999999999</v>
      </c>
      <c r="D59" s="94">
        <v>6.6952335739614149E-2</v>
      </c>
      <c r="E59" s="225">
        <v>5.2999999999999999E-2</v>
      </c>
      <c r="F59" s="94">
        <v>4.6637211493500086E-2</v>
      </c>
      <c r="G59" s="225">
        <v>0.72299999999999998</v>
      </c>
      <c r="H59" s="94">
        <v>8.3433406408865443E-2</v>
      </c>
      <c r="I59" s="225">
        <v>0.08</v>
      </c>
      <c r="J59" s="94">
        <v>5.405137104356169E-2</v>
      </c>
      <c r="K59" s="221">
        <v>113</v>
      </c>
      <c r="L59" s="225">
        <v>0.104</v>
      </c>
      <c r="M59" s="225">
        <v>0.57499999999999996</v>
      </c>
      <c r="N59" s="225">
        <v>0.27400000000000002</v>
      </c>
      <c r="O59" s="94">
        <v>8.317557936563498E-2</v>
      </c>
      <c r="P59" s="94">
        <v>9.1474725062276163E-2</v>
      </c>
      <c r="Q59" s="225">
        <v>4.7E-2</v>
      </c>
      <c r="R59" s="94">
        <v>4.4752894911631189E-2</v>
      </c>
      <c r="S59" s="221">
        <v>112</v>
      </c>
      <c r="T59" s="225">
        <v>0.308</v>
      </c>
      <c r="U59" s="94">
        <v>8.623034734542688E-2</v>
      </c>
      <c r="V59" s="225">
        <v>0.25</v>
      </c>
      <c r="W59" s="94">
        <v>8.1311667003860763E-2</v>
      </c>
      <c r="X59" s="225">
        <v>0.185</v>
      </c>
      <c r="Y59" s="94">
        <v>9.0529352001117641E-2</v>
      </c>
      <c r="Z59" s="94">
        <v>5.8000000000000003E-2</v>
      </c>
      <c r="AA59" s="94">
        <v>4.8379633669930325E-2</v>
      </c>
      <c r="AB59" s="221">
        <v>112</v>
      </c>
      <c r="AC59" s="94">
        <v>7.3695580484637813E-2</v>
      </c>
      <c r="AD59" s="225">
        <v>0.373</v>
      </c>
      <c r="AE59" s="94">
        <v>9.0012291587563076E-2</v>
      </c>
      <c r="AF59" s="225">
        <v>0.38500000000000001</v>
      </c>
      <c r="AG59" s="94">
        <v>9.0529352001117641E-2</v>
      </c>
      <c r="AH59" s="225">
        <v>5.8000000000000003E-2</v>
      </c>
    </row>
  </sheetData>
  <mergeCells count="7">
    <mergeCell ref="B34:J34"/>
    <mergeCell ref="K34:R34"/>
    <mergeCell ref="A3:D3"/>
    <mergeCell ref="A32:AK32"/>
    <mergeCell ref="A33:AK33"/>
    <mergeCell ref="A4:D4"/>
    <mergeCell ref="A5:D5"/>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44" t="s">
        <v>487</v>
      </c>
      <c r="F1" s="352"/>
      <c r="G1" s="352"/>
      <c r="H1" s="352"/>
      <c r="I1" s="352"/>
      <c r="J1" s="352"/>
      <c r="K1" s="352"/>
      <c r="L1" s="352"/>
      <c r="M1" s="352"/>
      <c r="N1" s="352"/>
    </row>
    <row r="2" spans="1:14" ht="21">
      <c r="A2" s="234"/>
      <c r="B2" s="13"/>
      <c r="C2" s="13"/>
      <c r="D2" s="13"/>
      <c r="E2" s="13"/>
      <c r="F2" s="353"/>
      <c r="G2" s="353"/>
      <c r="H2" s="353"/>
      <c r="I2" s="353"/>
      <c r="J2" s="353"/>
      <c r="K2" s="353"/>
      <c r="L2" s="353"/>
      <c r="M2" s="353"/>
      <c r="N2" s="353"/>
    </row>
    <row r="3" spans="1:14" s="12" customFormat="1" ht="21">
      <c r="A3" s="245" t="s">
        <v>173</v>
      </c>
      <c r="B3" s="11"/>
      <c r="C3" s="11"/>
      <c r="D3" s="11"/>
      <c r="E3" s="11"/>
      <c r="F3" s="20"/>
      <c r="G3" s="20"/>
      <c r="H3" s="20"/>
      <c r="I3" s="20"/>
      <c r="J3" s="20"/>
      <c r="K3" s="20"/>
      <c r="L3" s="20"/>
      <c r="M3" s="20"/>
      <c r="N3" s="20"/>
    </row>
    <row r="4" spans="1:14" s="12" customFormat="1" ht="31.5">
      <c r="A4" s="246" t="s">
        <v>485</v>
      </c>
      <c r="B4" s="11"/>
      <c r="C4" s="11"/>
      <c r="D4" s="11"/>
      <c r="E4" s="11"/>
      <c r="F4" s="20"/>
      <c r="G4" s="20"/>
      <c r="H4" s="20"/>
      <c r="I4" s="20"/>
      <c r="J4" s="20"/>
      <c r="K4" s="20"/>
      <c r="L4" s="20"/>
      <c r="M4" s="20"/>
      <c r="N4" s="20"/>
    </row>
    <row r="5" spans="1:14" ht="18.75" customHeight="1">
      <c r="A5" s="234"/>
      <c r="B5" s="13"/>
      <c r="C5" s="13"/>
      <c r="D5" s="13"/>
      <c r="E5" s="13"/>
      <c r="F5" s="20"/>
      <c r="G5" s="20"/>
      <c r="H5" s="20"/>
      <c r="I5" s="20"/>
      <c r="J5" s="20"/>
      <c r="K5" s="20"/>
      <c r="L5" s="20"/>
      <c r="M5" s="20"/>
      <c r="N5" s="20"/>
    </row>
    <row r="6" spans="1:14">
      <c r="A6" s="247" t="s">
        <v>174</v>
      </c>
      <c r="B6" s="13"/>
      <c r="C6" s="13"/>
      <c r="D6" s="13"/>
      <c r="E6" s="13"/>
    </row>
    <row r="7" spans="1:14" ht="51" customHeight="1">
      <c r="A7" s="248" t="s">
        <v>247</v>
      </c>
      <c r="B7" s="13"/>
      <c r="C7" s="13"/>
      <c r="D7" s="13"/>
      <c r="E7" s="13"/>
      <c r="F7" s="13"/>
      <c r="G7" s="13"/>
    </row>
    <row r="8" spans="1:14">
      <c r="A8" s="228"/>
      <c r="B8" s="13"/>
      <c r="C8" s="13"/>
      <c r="D8" s="13"/>
      <c r="E8" s="13"/>
      <c r="F8" s="13"/>
      <c r="G8" s="13"/>
    </row>
    <row r="9" spans="1:14">
      <c r="A9" s="245" t="s">
        <v>175</v>
      </c>
      <c r="B9" s="13"/>
      <c r="C9" s="13"/>
      <c r="D9" s="13"/>
      <c r="E9" s="13"/>
      <c r="F9" s="13"/>
      <c r="G9" s="13"/>
    </row>
    <row r="10" spans="1:14" ht="30">
      <c r="A10" s="246" t="s">
        <v>484</v>
      </c>
      <c r="B10" s="13"/>
      <c r="C10" s="13"/>
      <c r="D10" s="13"/>
      <c r="E10" s="13"/>
      <c r="F10" s="13"/>
      <c r="G10" s="13"/>
    </row>
    <row r="11" spans="1:14">
      <c r="A11" s="234"/>
      <c r="B11" s="14"/>
      <c r="C11" s="14"/>
      <c r="D11" s="14"/>
      <c r="E11" s="14"/>
    </row>
    <row r="12" spans="1:14">
      <c r="A12" s="245" t="s">
        <v>176</v>
      </c>
    </row>
    <row r="13" spans="1:14" ht="135">
      <c r="A13" s="246" t="s">
        <v>486</v>
      </c>
    </row>
    <row r="14" spans="1:14">
      <c r="A14" s="228"/>
    </row>
    <row r="15" spans="1:14">
      <c r="A15" s="247" t="s">
        <v>2</v>
      </c>
    </row>
    <row r="16" spans="1:14" ht="45">
      <c r="A16" s="248" t="s">
        <v>177</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72"/>
  <sheetViews>
    <sheetView workbookViewId="0"/>
  </sheetViews>
  <sheetFormatPr defaultColWidth="8.85546875" defaultRowHeight="15"/>
  <cols>
    <col min="1" max="1" width="135.85546875" style="227" customWidth="1"/>
    <col min="2" max="7" width="8.85546875" style="2"/>
    <col min="8" max="8" width="19.42578125" style="2" customWidth="1"/>
    <col min="9" max="10" width="8.85546875" style="2"/>
    <col min="11" max="11" width="9.140625" style="2" customWidth="1"/>
    <col min="12" max="16384" width="8.85546875" style="2"/>
  </cols>
  <sheetData>
    <row r="1" spans="1:14" ht="23.25">
      <c r="A1" s="244" t="s">
        <v>456</v>
      </c>
      <c r="B1" s="9"/>
      <c r="C1" s="9"/>
      <c r="D1" s="9"/>
      <c r="E1" s="9"/>
      <c r="F1" s="9"/>
      <c r="G1" s="9"/>
      <c r="N1" s="8"/>
    </row>
    <row r="2" spans="1:14" ht="75">
      <c r="A2" s="314" t="s">
        <v>479</v>
      </c>
      <c r="B2" s="6"/>
      <c r="C2" s="6"/>
      <c r="D2" s="6"/>
    </row>
    <row r="3" spans="1:14" s="17" customFormat="1">
      <c r="A3" s="246"/>
      <c r="B3" s="13"/>
      <c r="C3" s="13"/>
      <c r="D3" s="13"/>
    </row>
    <row r="4" spans="1:14" s="229" customFormat="1">
      <c r="A4" s="245" t="s">
        <v>430</v>
      </c>
      <c r="B4" s="13"/>
      <c r="C4" s="13"/>
      <c r="D4" s="13"/>
    </row>
    <row r="5" spans="1:14" s="229" customFormat="1" ht="30">
      <c r="A5" s="246" t="s">
        <v>474</v>
      </c>
      <c r="B5" s="13"/>
      <c r="C5" s="13"/>
      <c r="D5" s="13"/>
    </row>
    <row r="6" spans="1:14" s="229" customFormat="1">
      <c r="A6" s="246"/>
      <c r="B6" s="13"/>
      <c r="C6" s="13"/>
      <c r="D6" s="13"/>
    </row>
    <row r="7" spans="1:14" s="18" customFormat="1">
      <c r="A7" s="315" t="s">
        <v>431</v>
      </c>
      <c r="B7" s="13"/>
      <c r="C7" s="13"/>
      <c r="D7" s="13"/>
    </row>
    <row r="8" spans="1:14" s="18" customFormat="1" ht="30">
      <c r="A8" s="316" t="s">
        <v>483</v>
      </c>
      <c r="B8" s="13"/>
      <c r="C8" s="13"/>
      <c r="D8" s="13"/>
    </row>
    <row r="9" spans="1:14" s="229" customFormat="1">
      <c r="A9" s="316"/>
      <c r="B9" s="13"/>
      <c r="C9" s="13"/>
      <c r="D9" s="13"/>
    </row>
    <row r="10" spans="1:14" s="229" customFormat="1">
      <c r="A10" s="317" t="s">
        <v>432</v>
      </c>
      <c r="B10" s="13"/>
      <c r="C10" s="13"/>
      <c r="D10" s="13"/>
    </row>
    <row r="11" spans="1:14" s="229" customFormat="1" ht="30">
      <c r="A11" s="316" t="s">
        <v>475</v>
      </c>
      <c r="B11" s="13"/>
      <c r="C11" s="13"/>
      <c r="D11" s="13"/>
    </row>
    <row r="12" spans="1:14" s="229" customFormat="1">
      <c r="A12" s="316"/>
      <c r="B12" s="13"/>
      <c r="C12" s="13"/>
      <c r="D12" s="13"/>
    </row>
    <row r="13" spans="1:14" s="229" customFormat="1">
      <c r="A13" s="317" t="s">
        <v>458</v>
      </c>
      <c r="B13" s="13"/>
      <c r="C13" s="13"/>
      <c r="D13" s="13"/>
    </row>
    <row r="14" spans="1:14" s="229" customFormat="1" ht="30">
      <c r="A14" s="316" t="s">
        <v>476</v>
      </c>
      <c r="B14" s="13"/>
      <c r="C14" s="13"/>
      <c r="D14" s="13"/>
    </row>
    <row r="15" spans="1:14" s="229" customFormat="1">
      <c r="A15" s="316"/>
      <c r="B15" s="13"/>
      <c r="C15" s="13"/>
      <c r="D15" s="13"/>
    </row>
    <row r="16" spans="1:14" s="229" customFormat="1">
      <c r="A16" s="317" t="s">
        <v>459</v>
      </c>
      <c r="B16" s="13"/>
      <c r="C16" s="13"/>
      <c r="D16" s="13"/>
    </row>
    <row r="17" spans="1:4" s="229" customFormat="1" ht="30">
      <c r="A17" s="316" t="s">
        <v>481</v>
      </c>
      <c r="B17" s="13"/>
      <c r="C17" s="13"/>
      <c r="D17" s="13"/>
    </row>
    <row r="18" spans="1:4" s="18" customFormat="1">
      <c r="A18" s="246"/>
      <c r="B18" s="13"/>
      <c r="C18" s="13"/>
      <c r="D18" s="13"/>
    </row>
    <row r="19" spans="1:4">
      <c r="A19" s="315" t="s">
        <v>457</v>
      </c>
    </row>
    <row r="20" spans="1:4" ht="34.5" customHeight="1">
      <c r="A20" s="316" t="s">
        <v>482</v>
      </c>
    </row>
    <row r="21" spans="1:4" s="17" customFormat="1">
      <c r="A21" s="318"/>
    </row>
    <row r="22" spans="1:4">
      <c r="A22" s="319" t="s">
        <v>452</v>
      </c>
    </row>
    <row r="23" spans="1:4" ht="45">
      <c r="A23" s="314" t="s">
        <v>480</v>
      </c>
    </row>
    <row r="24" spans="1:4">
      <c r="A24" s="228"/>
    </row>
    <row r="25" spans="1:4" s="229" customFormat="1">
      <c r="A25" s="319" t="s">
        <v>172</v>
      </c>
    </row>
    <row r="26" spans="1:4" s="229" customFormat="1" ht="45">
      <c r="A26" s="314" t="s">
        <v>467</v>
      </c>
    </row>
    <row r="27" spans="1:4" s="229" customFormat="1">
      <c r="A27" s="248"/>
    </row>
    <row r="28" spans="1:4" s="19" customFormat="1">
      <c r="A28" s="247" t="s">
        <v>436</v>
      </c>
    </row>
    <row r="29" spans="1:4" s="19" customFormat="1" ht="30">
      <c r="A29" s="314" t="s">
        <v>460</v>
      </c>
    </row>
    <row r="30" spans="1:4" s="19" customFormat="1">
      <c r="A30" s="248"/>
    </row>
    <row r="31" spans="1:4" s="19" customFormat="1">
      <c r="A31" s="247" t="s">
        <v>437</v>
      </c>
    </row>
    <row r="32" spans="1:4" s="19" customFormat="1" ht="30">
      <c r="A32" s="314" t="s">
        <v>461</v>
      </c>
    </row>
    <row r="33" spans="1:1">
      <c r="A33" s="248"/>
    </row>
    <row r="34" spans="1:1">
      <c r="A34" s="247" t="s">
        <v>453</v>
      </c>
    </row>
    <row r="35" spans="1:1" ht="45">
      <c r="A35" s="314" t="s">
        <v>470</v>
      </c>
    </row>
    <row r="36" spans="1:1" s="229" customFormat="1">
      <c r="A36" s="233"/>
    </row>
    <row r="37" spans="1:1">
      <c r="A37" s="247" t="s">
        <v>438</v>
      </c>
    </row>
    <row r="38" spans="1:1" ht="30">
      <c r="A38" s="314" t="s">
        <v>462</v>
      </c>
    </row>
    <row r="39" spans="1:1">
      <c r="A39" s="233"/>
    </row>
    <row r="40" spans="1:1">
      <c r="A40" s="247" t="s">
        <v>439</v>
      </c>
    </row>
    <row r="41" spans="1:1" ht="30">
      <c r="A41" s="314" t="s">
        <v>463</v>
      </c>
    </row>
    <row r="42" spans="1:1">
      <c r="A42" s="233"/>
    </row>
    <row r="43" spans="1:1">
      <c r="A43" s="247" t="s">
        <v>440</v>
      </c>
    </row>
    <row r="44" spans="1:1">
      <c r="A44" s="314" t="s">
        <v>464</v>
      </c>
    </row>
    <row r="45" spans="1:1" s="229" customFormat="1">
      <c r="A45" s="233"/>
    </row>
    <row r="46" spans="1:1" s="229" customFormat="1">
      <c r="A46" s="247" t="s">
        <v>441</v>
      </c>
    </row>
    <row r="47" spans="1:1" s="229" customFormat="1">
      <c r="A47" s="314" t="s">
        <v>465</v>
      </c>
    </row>
    <row r="48" spans="1:1" s="229" customFormat="1">
      <c r="A48" s="233"/>
    </row>
    <row r="49" spans="1:1" s="229" customFormat="1">
      <c r="A49" s="247" t="s">
        <v>442</v>
      </c>
    </row>
    <row r="50" spans="1:1" s="229" customFormat="1" ht="30">
      <c r="A50" s="314" t="s">
        <v>478</v>
      </c>
    </row>
    <row r="51" spans="1:1" s="229" customFormat="1">
      <c r="A51" s="233"/>
    </row>
    <row r="52" spans="1:1" s="229" customFormat="1">
      <c r="A52" s="247" t="s">
        <v>443</v>
      </c>
    </row>
    <row r="53" spans="1:1" s="229" customFormat="1" ht="30">
      <c r="A53" s="314" t="s">
        <v>466</v>
      </c>
    </row>
    <row r="54" spans="1:1" s="229" customFormat="1">
      <c r="A54" s="248"/>
    </row>
    <row r="55" spans="1:1" s="229" customFormat="1">
      <c r="A55" s="247" t="s">
        <v>455</v>
      </c>
    </row>
    <row r="56" spans="1:1" s="229" customFormat="1" ht="45">
      <c r="A56" s="314" t="s">
        <v>468</v>
      </c>
    </row>
    <row r="57" spans="1:1" s="229" customFormat="1">
      <c r="A57" s="233"/>
    </row>
    <row r="58" spans="1:1" s="229" customFormat="1">
      <c r="A58" s="247" t="s">
        <v>444</v>
      </c>
    </row>
    <row r="59" spans="1:1" s="229" customFormat="1" ht="30">
      <c r="A59" s="314" t="s">
        <v>469</v>
      </c>
    </row>
    <row r="60" spans="1:1" s="229" customFormat="1">
      <c r="A60" s="233"/>
    </row>
    <row r="61" spans="1:1" s="229" customFormat="1">
      <c r="A61" s="247" t="s">
        <v>454</v>
      </c>
    </row>
    <row r="62" spans="1:1" s="229" customFormat="1" ht="45">
      <c r="A62" s="314" t="s">
        <v>477</v>
      </c>
    </row>
    <row r="63" spans="1:1" s="229" customFormat="1">
      <c r="A63" s="233"/>
    </row>
    <row r="64" spans="1:1" s="229" customFormat="1">
      <c r="A64" s="247" t="s">
        <v>445</v>
      </c>
    </row>
    <row r="65" spans="1:1" s="229" customFormat="1" ht="30">
      <c r="A65" s="314" t="s">
        <v>472</v>
      </c>
    </row>
    <row r="66" spans="1:1" s="229" customFormat="1">
      <c r="A66" s="233"/>
    </row>
    <row r="67" spans="1:1" s="229" customFormat="1">
      <c r="A67" s="247" t="s">
        <v>471</v>
      </c>
    </row>
    <row r="68" spans="1:1" s="229" customFormat="1" ht="30">
      <c r="A68" s="314" t="s">
        <v>473</v>
      </c>
    </row>
    <row r="69" spans="1:1" s="229" customFormat="1">
      <c r="A69" s="233"/>
    </row>
    <row r="70" spans="1:1" s="229" customFormat="1">
      <c r="A70" s="247" t="s">
        <v>442</v>
      </c>
    </row>
    <row r="71" spans="1:1" s="229" customFormat="1" ht="30">
      <c r="A71" s="314" t="s">
        <v>478</v>
      </c>
    </row>
    <row r="72" spans="1:1" s="229" customFormat="1">
      <c r="A72" s="233"/>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topLeftCell="A4" zoomScaleNormal="100" workbookViewId="0">
      <selection activeCell="A3" sqref="A3"/>
    </sheetView>
  </sheetViews>
  <sheetFormatPr defaultColWidth="8.85546875" defaultRowHeight="15"/>
  <cols>
    <col min="1" max="1" width="8.85546875" style="15"/>
    <col min="2" max="2" width="35.7109375" style="229" customWidth="1"/>
    <col min="3" max="3" width="36.140625" style="229" customWidth="1"/>
    <col min="4" max="4" width="21.140625" style="229" customWidth="1"/>
    <col min="5" max="5" width="8.85546875" style="229"/>
    <col min="6" max="6" width="23.42578125" style="229" customWidth="1"/>
    <col min="7" max="16384" width="8.85546875" style="229"/>
  </cols>
  <sheetData>
    <row r="1" spans="1:9" ht="21">
      <c r="A1" s="356" t="s">
        <v>0</v>
      </c>
      <c r="B1" s="356"/>
      <c r="C1" s="356"/>
      <c r="D1" s="356"/>
      <c r="E1" s="231"/>
      <c r="F1" s="231"/>
      <c r="G1" s="231"/>
      <c r="H1" s="231"/>
      <c r="I1" s="231"/>
    </row>
    <row r="2" spans="1:9" ht="21">
      <c r="A2" s="232"/>
      <c r="B2" s="232"/>
      <c r="C2" s="232"/>
      <c r="D2" s="232"/>
      <c r="E2" s="231"/>
      <c r="F2" s="231"/>
      <c r="G2" s="231"/>
      <c r="H2" s="231"/>
      <c r="I2" s="231"/>
    </row>
    <row r="3" spans="1:9" ht="21">
      <c r="A3" s="232" t="s">
        <v>5</v>
      </c>
      <c r="B3" s="232"/>
      <c r="C3" s="232"/>
      <c r="D3" s="232"/>
      <c r="E3" s="231"/>
      <c r="F3" s="231"/>
      <c r="G3" s="231"/>
      <c r="H3" s="231"/>
      <c r="I3" s="231"/>
    </row>
    <row r="4" spans="1:9" ht="21">
      <c r="A4" s="22"/>
      <c r="B4" s="231"/>
      <c r="C4" s="231"/>
      <c r="D4" s="231"/>
      <c r="E4" s="23"/>
      <c r="F4" s="231"/>
      <c r="G4" s="231"/>
      <c r="H4" s="231"/>
      <c r="I4" s="231"/>
    </row>
    <row r="5" spans="1:9" ht="18.75">
      <c r="A5" s="273" t="s">
        <v>63</v>
      </c>
      <c r="B5" s="24"/>
      <c r="C5" s="24"/>
      <c r="D5" s="231"/>
      <c r="E5" s="231"/>
      <c r="F5" s="231"/>
      <c r="G5" s="231"/>
      <c r="H5" s="231"/>
      <c r="I5" s="231"/>
    </row>
    <row r="6" spans="1:9" ht="18.75">
      <c r="A6" s="32"/>
      <c r="B6" s="24"/>
      <c r="C6" s="24"/>
      <c r="D6" s="231"/>
      <c r="E6" s="231"/>
      <c r="F6" s="231"/>
      <c r="G6" s="231"/>
      <c r="H6" s="231"/>
      <c r="I6" s="231"/>
    </row>
    <row r="7" spans="1:9" ht="18.75">
      <c r="A7" s="25">
        <v>1</v>
      </c>
      <c r="B7" s="241" t="s">
        <v>6</v>
      </c>
      <c r="C7" s="231"/>
      <c r="D7" s="231"/>
      <c r="E7" s="27"/>
      <c r="F7" s="27"/>
      <c r="G7" s="231"/>
      <c r="H7" s="231"/>
      <c r="I7" s="231"/>
    </row>
    <row r="8" spans="1:9">
      <c r="A8" s="25"/>
      <c r="B8" s="355" t="s">
        <v>8</v>
      </c>
      <c r="C8" s="355"/>
      <c r="D8" s="355"/>
      <c r="E8" s="355"/>
      <c r="F8" s="355"/>
      <c r="G8" s="231"/>
      <c r="H8" s="231"/>
      <c r="I8" s="231"/>
    </row>
    <row r="9" spans="1:9" ht="18.75">
      <c r="A9" s="32"/>
      <c r="B9" s="24"/>
      <c r="C9" s="24"/>
      <c r="D9" s="231"/>
      <c r="E9" s="231"/>
      <c r="F9" s="231"/>
      <c r="G9" s="231"/>
      <c r="H9" s="231"/>
      <c r="I9" s="231"/>
    </row>
    <row r="10" spans="1:9" ht="18.75">
      <c r="A10" s="25">
        <v>1</v>
      </c>
      <c r="B10" s="26" t="s">
        <v>7</v>
      </c>
      <c r="C10" s="231"/>
      <c r="D10" s="231"/>
      <c r="E10" s="27"/>
      <c r="F10" s="27"/>
      <c r="G10" s="231"/>
      <c r="H10" s="231"/>
      <c r="I10" s="231"/>
    </row>
    <row r="11" spans="1:9">
      <c r="A11" s="25"/>
      <c r="B11" s="355" t="s">
        <v>9</v>
      </c>
      <c r="C11" s="355"/>
      <c r="D11" s="355"/>
      <c r="E11" s="28"/>
      <c r="F11" s="28"/>
      <c r="G11" s="231"/>
      <c r="H11" s="231"/>
      <c r="I11" s="231"/>
    </row>
    <row r="12" spans="1:9" ht="18.75">
      <c r="A12" s="32"/>
      <c r="B12" s="24"/>
      <c r="C12" s="24"/>
      <c r="D12" s="231"/>
      <c r="E12" s="231"/>
      <c r="F12" s="231"/>
      <c r="G12" s="231"/>
      <c r="H12" s="231"/>
      <c r="I12" s="231"/>
    </row>
    <row r="13" spans="1:9" ht="18.75">
      <c r="A13" s="25">
        <v>1</v>
      </c>
      <c r="B13" s="26" t="s">
        <v>56</v>
      </c>
      <c r="C13" s="24"/>
      <c r="D13" s="231"/>
      <c r="E13" s="231"/>
      <c r="F13" s="231"/>
      <c r="G13" s="231"/>
      <c r="H13" s="231"/>
      <c r="I13" s="231"/>
    </row>
    <row r="14" spans="1:9" ht="18.75">
      <c r="A14" s="32"/>
      <c r="B14" s="231" t="s">
        <v>57</v>
      </c>
      <c r="C14" s="24"/>
      <c r="D14" s="231"/>
      <c r="E14" s="231"/>
      <c r="F14" s="231"/>
      <c r="G14" s="231"/>
      <c r="H14" s="231"/>
      <c r="I14" s="231"/>
    </row>
    <row r="15" spans="1:9" ht="18.75">
      <c r="A15" s="32"/>
      <c r="B15" s="231"/>
      <c r="C15" s="24"/>
      <c r="D15" s="231"/>
      <c r="E15" s="231"/>
      <c r="F15" s="231"/>
      <c r="G15" s="231"/>
      <c r="H15" s="231"/>
      <c r="I15" s="231"/>
    </row>
    <row r="16" spans="1:9" ht="18.75">
      <c r="A16" s="25">
        <v>1</v>
      </c>
      <c r="B16" s="26" t="s">
        <v>248</v>
      </c>
      <c r="C16" s="24"/>
      <c r="D16" s="231"/>
      <c r="E16" s="231"/>
      <c r="F16" s="231"/>
      <c r="G16" s="231"/>
      <c r="H16" s="231"/>
      <c r="I16" s="231"/>
    </row>
    <row r="17" spans="1:9" ht="18.75">
      <c r="A17" s="32"/>
      <c r="B17" s="231" t="s">
        <v>58</v>
      </c>
      <c r="C17" s="24"/>
      <c r="D17" s="231"/>
      <c r="E17" s="231"/>
      <c r="F17" s="231"/>
      <c r="G17" s="231"/>
      <c r="H17" s="231"/>
      <c r="I17" s="231"/>
    </row>
    <row r="18" spans="1:9" ht="18.75">
      <c r="A18" s="32"/>
      <c r="B18" s="231"/>
      <c r="C18" s="24"/>
      <c r="D18" s="231"/>
      <c r="E18" s="231"/>
      <c r="F18" s="231"/>
      <c r="G18" s="231"/>
      <c r="H18" s="231"/>
      <c r="I18" s="231"/>
    </row>
    <row r="19" spans="1:9" ht="18.75">
      <c r="A19" s="240" t="s">
        <v>64</v>
      </c>
      <c r="B19" s="231"/>
      <c r="C19" s="24"/>
      <c r="D19" s="231"/>
      <c r="E19" s="231"/>
      <c r="F19" s="231"/>
      <c r="G19" s="231"/>
      <c r="H19" s="231"/>
      <c r="I19" s="231"/>
    </row>
    <row r="20" spans="1:9" ht="18.75">
      <c r="A20" s="32"/>
      <c r="B20" s="231"/>
      <c r="C20" s="24"/>
      <c r="D20" s="231"/>
      <c r="E20" s="231"/>
      <c r="F20" s="231"/>
      <c r="G20" s="231"/>
      <c r="H20" s="231"/>
      <c r="I20" s="231"/>
    </row>
    <row r="21" spans="1:9" s="16" customFormat="1" ht="18.75">
      <c r="A21" s="25">
        <v>2</v>
      </c>
      <c r="B21" s="26" t="s">
        <v>59</v>
      </c>
      <c r="C21" s="231"/>
      <c r="D21" s="231"/>
      <c r="E21" s="27"/>
      <c r="F21" s="27"/>
      <c r="G21" s="27"/>
      <c r="H21" s="27"/>
      <c r="I21" s="27"/>
    </row>
    <row r="22" spans="1:9">
      <c r="A22" s="25"/>
      <c r="B22" s="354" t="s">
        <v>60</v>
      </c>
      <c r="C22" s="355"/>
      <c r="D22" s="355"/>
      <c r="E22" s="355"/>
      <c r="F22" s="355"/>
      <c r="G22" s="355"/>
      <c r="H22" s="231"/>
      <c r="I22" s="231"/>
    </row>
    <row r="23" spans="1:9">
      <c r="A23" s="25"/>
      <c r="B23" s="231"/>
      <c r="C23" s="231"/>
      <c r="D23" s="231"/>
      <c r="E23" s="231"/>
      <c r="F23" s="231"/>
      <c r="G23" s="231"/>
      <c r="H23" s="231"/>
      <c r="I23" s="231"/>
    </row>
    <row r="24" spans="1:9">
      <c r="A24" s="25">
        <v>2</v>
      </c>
      <c r="B24" s="26" t="s">
        <v>417</v>
      </c>
      <c r="C24" s="231"/>
      <c r="D24" s="231"/>
      <c r="E24" s="231"/>
      <c r="F24" s="231"/>
      <c r="G24" s="231"/>
      <c r="H24" s="231"/>
      <c r="I24" s="231"/>
    </row>
    <row r="25" spans="1:9">
      <c r="A25" s="25"/>
      <c r="B25" s="231" t="s">
        <v>61</v>
      </c>
      <c r="C25" s="231"/>
      <c r="D25" s="231"/>
      <c r="E25" s="231"/>
      <c r="F25" s="231"/>
      <c r="G25" s="231"/>
      <c r="H25" s="231"/>
      <c r="I25" s="231"/>
    </row>
    <row r="26" spans="1:9">
      <c r="A26" s="25"/>
      <c r="B26" s="231"/>
      <c r="C26" s="231"/>
      <c r="D26" s="231"/>
      <c r="E26" s="231"/>
      <c r="F26" s="231"/>
      <c r="G26" s="231"/>
      <c r="H26" s="231"/>
      <c r="I26" s="231"/>
    </row>
    <row r="27" spans="1:9">
      <c r="A27" s="25">
        <v>2</v>
      </c>
      <c r="B27" s="26" t="s">
        <v>254</v>
      </c>
      <c r="C27" s="231"/>
      <c r="D27" s="231"/>
      <c r="E27" s="231"/>
      <c r="F27" s="231"/>
      <c r="G27" s="231"/>
      <c r="H27" s="231"/>
      <c r="I27" s="231"/>
    </row>
    <row r="28" spans="1:9">
      <c r="A28" s="25"/>
      <c r="B28" s="231" t="s">
        <v>62</v>
      </c>
      <c r="C28" s="231"/>
      <c r="D28" s="231"/>
      <c r="E28" s="231"/>
      <c r="F28" s="231"/>
      <c r="G28" s="231"/>
      <c r="H28" s="231"/>
      <c r="I28" s="231"/>
    </row>
    <row r="29" spans="1:9">
      <c r="A29" s="25"/>
      <c r="B29" s="231"/>
      <c r="C29" s="231"/>
      <c r="D29" s="231"/>
      <c r="E29" s="231"/>
      <c r="F29" s="231"/>
      <c r="G29" s="231"/>
      <c r="H29" s="231"/>
      <c r="I29" s="231"/>
    </row>
    <row r="30" spans="1:9" s="16" customFormat="1" ht="18.75">
      <c r="A30" s="357" t="s">
        <v>18</v>
      </c>
      <c r="B30" s="357"/>
      <c r="C30" s="357"/>
      <c r="D30" s="27"/>
      <c r="E30" s="27"/>
      <c r="F30" s="27"/>
      <c r="G30" s="27"/>
      <c r="H30" s="27"/>
      <c r="I30" s="27"/>
    </row>
    <row r="31" spans="1:9" s="16" customFormat="1" ht="18.75">
      <c r="A31" s="32"/>
      <c r="B31" s="32"/>
      <c r="C31" s="32"/>
      <c r="D31" s="27"/>
      <c r="E31" s="27"/>
      <c r="F31" s="27"/>
      <c r="G31" s="27"/>
      <c r="H31" s="27"/>
      <c r="I31" s="27"/>
    </row>
    <row r="32" spans="1:9" s="16" customFormat="1" ht="18.75">
      <c r="A32" s="240"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42" t="s">
        <v>1</v>
      </c>
      <c r="C34" s="231"/>
      <c r="D34" s="231"/>
      <c r="E34" s="231"/>
      <c r="F34" s="231"/>
      <c r="G34" s="231"/>
      <c r="H34" s="231"/>
      <c r="I34" s="231"/>
    </row>
    <row r="35" spans="1:9">
      <c r="A35" s="22"/>
      <c r="B35" s="354" t="s">
        <v>20</v>
      </c>
      <c r="C35" s="355"/>
      <c r="D35" s="355"/>
      <c r="E35" s="355"/>
      <c r="F35" s="26"/>
      <c r="G35" s="231"/>
      <c r="H35" s="231"/>
      <c r="I35" s="231"/>
    </row>
    <row r="36" spans="1:9">
      <c r="A36" s="22"/>
      <c r="B36" s="230"/>
      <c r="C36" s="231"/>
      <c r="D36" s="231"/>
      <c r="E36" s="231"/>
      <c r="F36" s="26"/>
      <c r="G36" s="231"/>
      <c r="H36" s="231"/>
      <c r="I36" s="231"/>
    </row>
    <row r="37" spans="1:9">
      <c r="A37" s="22">
        <v>3</v>
      </c>
      <c r="B37" s="30" t="s">
        <v>35</v>
      </c>
      <c r="C37" s="231"/>
      <c r="D37" s="231"/>
      <c r="E37" s="231"/>
      <c r="F37" s="26"/>
      <c r="G37" s="231"/>
      <c r="H37" s="231"/>
      <c r="I37" s="231"/>
    </row>
    <row r="38" spans="1:9">
      <c r="A38" s="22"/>
      <c r="B38" s="289" t="s">
        <v>65</v>
      </c>
      <c r="C38" s="231"/>
      <c r="D38" s="231"/>
      <c r="E38" s="231"/>
      <c r="F38" s="26"/>
      <c r="G38" s="231"/>
      <c r="H38" s="231"/>
      <c r="I38" s="231"/>
    </row>
    <row r="39" spans="1:9">
      <c r="A39" s="22"/>
      <c r="B39" s="230"/>
      <c r="C39" s="231"/>
      <c r="D39" s="231"/>
      <c r="E39" s="231"/>
      <c r="F39" s="26"/>
      <c r="G39" s="231"/>
      <c r="H39" s="231"/>
      <c r="I39" s="231"/>
    </row>
    <row r="40" spans="1:9">
      <c r="A40" s="22">
        <v>3</v>
      </c>
      <c r="B40" s="30" t="s">
        <v>36</v>
      </c>
      <c r="C40" s="231"/>
      <c r="D40" s="231"/>
      <c r="E40" s="231"/>
      <c r="F40" s="26"/>
      <c r="G40" s="231"/>
      <c r="H40" s="231"/>
      <c r="I40" s="231"/>
    </row>
    <row r="41" spans="1:9">
      <c r="A41" s="22"/>
      <c r="B41" s="230" t="s">
        <v>66</v>
      </c>
      <c r="C41" s="231"/>
      <c r="D41" s="231"/>
      <c r="E41" s="231"/>
      <c r="F41" s="26"/>
      <c r="G41" s="231"/>
      <c r="H41" s="231"/>
      <c r="I41" s="231"/>
    </row>
    <row r="42" spans="1:9">
      <c r="A42" s="22"/>
      <c r="B42" s="230"/>
      <c r="C42" s="231"/>
      <c r="D42" s="231"/>
      <c r="E42" s="231"/>
      <c r="F42" s="26"/>
      <c r="G42" s="231"/>
      <c r="H42" s="231"/>
      <c r="I42" s="231"/>
    </row>
    <row r="43" spans="1:9">
      <c r="A43" s="25">
        <v>3</v>
      </c>
      <c r="B43" s="30" t="s">
        <v>10</v>
      </c>
      <c r="C43" s="231"/>
      <c r="D43" s="231"/>
      <c r="E43" s="231"/>
      <c r="F43" s="231"/>
      <c r="G43" s="231"/>
      <c r="H43" s="231"/>
      <c r="I43" s="231"/>
    </row>
    <row r="44" spans="1:9">
      <c r="A44" s="22"/>
      <c r="B44" s="354" t="s">
        <v>21</v>
      </c>
      <c r="C44" s="355"/>
      <c r="D44" s="231"/>
      <c r="E44" s="231"/>
      <c r="F44" s="231"/>
      <c r="G44" s="231"/>
      <c r="H44" s="231"/>
      <c r="I44" s="231"/>
    </row>
    <row r="45" spans="1:9">
      <c r="A45" s="22"/>
      <c r="B45" s="230"/>
      <c r="C45" s="231"/>
      <c r="D45" s="231"/>
      <c r="E45" s="231"/>
      <c r="F45" s="231"/>
      <c r="G45" s="231"/>
      <c r="H45" s="231"/>
      <c r="I45" s="231"/>
    </row>
    <row r="46" spans="1:9">
      <c r="A46" s="22">
        <v>3</v>
      </c>
      <c r="B46" s="30" t="s">
        <v>37</v>
      </c>
      <c r="C46" s="231"/>
      <c r="D46" s="231"/>
      <c r="E46" s="231"/>
      <c r="F46" s="231"/>
      <c r="G46" s="231"/>
      <c r="H46" s="231"/>
      <c r="I46" s="231"/>
    </row>
    <row r="47" spans="1:9">
      <c r="A47" s="22"/>
      <c r="B47" s="230" t="s">
        <v>67</v>
      </c>
      <c r="C47" s="231"/>
      <c r="D47" s="231"/>
      <c r="E47" s="231"/>
      <c r="F47" s="231"/>
      <c r="G47" s="231"/>
      <c r="H47" s="231"/>
      <c r="I47" s="231"/>
    </row>
    <row r="48" spans="1:9" ht="21">
      <c r="A48" s="29"/>
      <c r="B48" s="231"/>
      <c r="C48" s="231"/>
      <c r="D48" s="231"/>
      <c r="E48" s="231"/>
      <c r="F48" s="231"/>
      <c r="G48" s="231"/>
      <c r="H48" s="231"/>
      <c r="I48" s="231"/>
    </row>
    <row r="49" spans="1:9" s="16" customFormat="1" ht="18.75">
      <c r="A49" s="240"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41" t="s">
        <v>3</v>
      </c>
      <c r="C51" s="231"/>
      <c r="D51" s="231"/>
      <c r="E51" s="231"/>
      <c r="F51" s="231"/>
      <c r="G51" s="231"/>
      <c r="H51" s="231"/>
      <c r="I51" s="231"/>
    </row>
    <row r="52" spans="1:9">
      <c r="A52" s="22"/>
      <c r="B52" s="354" t="s">
        <v>19</v>
      </c>
      <c r="C52" s="355"/>
      <c r="D52" s="355"/>
      <c r="E52" s="231"/>
      <c r="F52" s="231"/>
      <c r="G52" s="231"/>
      <c r="H52" s="231"/>
      <c r="I52" s="231"/>
    </row>
    <row r="53" spans="1:9">
      <c r="A53" s="22"/>
      <c r="B53" s="354" t="s">
        <v>31</v>
      </c>
      <c r="C53" s="355"/>
      <c r="D53" s="355"/>
      <c r="E53" s="231"/>
      <c r="F53" s="231"/>
      <c r="G53" s="231"/>
      <c r="H53" s="231"/>
      <c r="I53" s="231"/>
    </row>
    <row r="54" spans="1:9" ht="21">
      <c r="A54" s="29"/>
      <c r="B54" s="231"/>
      <c r="C54" s="231"/>
      <c r="D54" s="231"/>
      <c r="E54" s="231"/>
      <c r="F54" s="231"/>
      <c r="G54" s="231"/>
      <c r="H54" s="231"/>
      <c r="I54" s="231"/>
    </row>
    <row r="55" spans="1:9">
      <c r="A55" s="25">
        <v>4</v>
      </c>
      <c r="B55" s="26" t="s">
        <v>294</v>
      </c>
      <c r="C55" s="290"/>
      <c r="D55" s="290"/>
      <c r="E55" s="290"/>
      <c r="F55" s="290"/>
      <c r="G55" s="290"/>
      <c r="H55" s="290"/>
      <c r="I55" s="290"/>
    </row>
    <row r="56" spans="1:9" ht="16.5" customHeight="1">
      <c r="A56" s="29"/>
      <c r="B56" s="289" t="s">
        <v>295</v>
      </c>
      <c r="C56" s="290"/>
      <c r="D56" s="290"/>
      <c r="E56" s="290"/>
      <c r="F56" s="290"/>
      <c r="G56" s="290"/>
      <c r="H56" s="290"/>
      <c r="I56" s="290"/>
    </row>
    <row r="57" spans="1:9" ht="17.25" customHeight="1">
      <c r="A57" s="29"/>
      <c r="B57" s="289" t="s">
        <v>399</v>
      </c>
      <c r="C57" s="290"/>
      <c r="D57" s="290"/>
      <c r="E57" s="290"/>
      <c r="F57" s="290"/>
      <c r="G57" s="290"/>
      <c r="H57" s="290"/>
      <c r="I57" s="290"/>
    </row>
    <row r="58" spans="1:9" ht="21">
      <c r="A58" s="29"/>
      <c r="B58" s="290"/>
      <c r="C58" s="290"/>
      <c r="D58" s="290"/>
      <c r="E58" s="290"/>
      <c r="F58" s="290"/>
      <c r="G58" s="290"/>
      <c r="H58" s="290"/>
      <c r="I58" s="290"/>
    </row>
    <row r="59" spans="1:9">
      <c r="A59" s="25">
        <v>4</v>
      </c>
      <c r="B59" s="26" t="s">
        <v>296</v>
      </c>
      <c r="C59" s="290"/>
      <c r="D59" s="290"/>
      <c r="E59" s="290"/>
      <c r="F59" s="290"/>
      <c r="G59" s="290"/>
      <c r="H59" s="290"/>
      <c r="I59" s="290"/>
    </row>
    <row r="60" spans="1:9" ht="21">
      <c r="A60" s="29"/>
      <c r="B60" s="289" t="s">
        <v>418</v>
      </c>
      <c r="C60" s="290"/>
      <c r="D60" s="290"/>
      <c r="E60" s="290"/>
      <c r="F60" s="290"/>
      <c r="G60" s="290"/>
      <c r="H60" s="290"/>
      <c r="I60" s="290"/>
    </row>
    <row r="61" spans="1:9" ht="21">
      <c r="A61" s="29"/>
      <c r="B61" s="290"/>
      <c r="C61" s="290"/>
      <c r="D61" s="290"/>
      <c r="E61" s="290"/>
      <c r="F61" s="290"/>
      <c r="G61" s="290"/>
      <c r="H61" s="290"/>
      <c r="I61" s="290"/>
    </row>
    <row r="62" spans="1:9">
      <c r="A62" s="25">
        <v>4</v>
      </c>
      <c r="B62" s="30" t="s">
        <v>230</v>
      </c>
      <c r="C62" s="231"/>
      <c r="D62" s="231"/>
      <c r="E62" s="231"/>
      <c r="F62" s="231"/>
      <c r="G62" s="231"/>
      <c r="H62" s="231"/>
      <c r="I62" s="231"/>
    </row>
    <row r="63" spans="1:9">
      <c r="A63" s="22"/>
      <c r="B63" s="354" t="s">
        <v>240</v>
      </c>
      <c r="C63" s="355"/>
      <c r="D63" s="231"/>
      <c r="E63" s="231"/>
      <c r="F63" s="231"/>
      <c r="G63" s="231"/>
      <c r="H63" s="231"/>
      <c r="I63" s="231"/>
    </row>
    <row r="64" spans="1:9">
      <c r="A64" s="22"/>
      <c r="B64" s="354" t="s">
        <v>241</v>
      </c>
      <c r="C64" s="355"/>
      <c r="D64" s="355"/>
      <c r="E64" s="355"/>
      <c r="F64" s="231"/>
      <c r="G64" s="231"/>
      <c r="H64" s="231"/>
      <c r="I64" s="231"/>
    </row>
    <row r="65" spans="1:9" ht="21">
      <c r="A65" s="29"/>
      <c r="B65" s="231"/>
      <c r="C65" s="231"/>
      <c r="D65" s="231"/>
      <c r="E65" s="231"/>
      <c r="F65" s="231"/>
      <c r="G65" s="231"/>
      <c r="H65" s="231"/>
      <c r="I65" s="231"/>
    </row>
    <row r="66" spans="1:9">
      <c r="A66" s="25">
        <v>4</v>
      </c>
      <c r="B66" s="30" t="s">
        <v>38</v>
      </c>
      <c r="C66" s="231"/>
      <c r="D66" s="231"/>
      <c r="E66" s="231"/>
      <c r="F66" s="231"/>
      <c r="G66" s="231"/>
      <c r="H66" s="231"/>
      <c r="I66" s="231"/>
    </row>
    <row r="67" spans="1:9">
      <c r="A67" s="22"/>
      <c r="B67" s="354" t="s">
        <v>68</v>
      </c>
      <c r="C67" s="355"/>
      <c r="D67" s="355"/>
      <c r="E67" s="355"/>
      <c r="F67" s="26"/>
      <c r="G67" s="231"/>
      <c r="H67" s="231"/>
      <c r="I67" s="231"/>
    </row>
    <row r="68" spans="1:9">
      <c r="A68" s="22"/>
      <c r="B68" s="354"/>
      <c r="C68" s="355"/>
      <c r="D68" s="355"/>
      <c r="E68" s="355"/>
      <c r="F68" s="231"/>
      <c r="G68" s="26"/>
      <c r="H68" s="231"/>
      <c r="I68" s="231"/>
    </row>
    <row r="69" spans="1:9">
      <c r="A69" s="22">
        <v>4</v>
      </c>
      <c r="B69" s="30" t="s">
        <v>39</v>
      </c>
      <c r="C69" s="231"/>
      <c r="D69" s="231"/>
      <c r="E69" s="231"/>
      <c r="F69" s="231"/>
      <c r="G69" s="26"/>
      <c r="H69" s="231"/>
      <c r="I69" s="231"/>
    </row>
    <row r="70" spans="1:9">
      <c r="A70" s="22"/>
      <c r="B70" s="230" t="s">
        <v>69</v>
      </c>
      <c r="C70" s="231"/>
      <c r="D70" s="231"/>
      <c r="E70" s="231"/>
      <c r="F70" s="231"/>
      <c r="G70" s="26"/>
      <c r="H70" s="231"/>
      <c r="I70" s="231"/>
    </row>
    <row r="71" spans="1:9">
      <c r="A71" s="22"/>
      <c r="B71" s="230"/>
      <c r="C71" s="231"/>
      <c r="D71" s="231"/>
      <c r="E71" s="231"/>
      <c r="F71" s="231"/>
      <c r="G71" s="26"/>
      <c r="H71" s="231"/>
      <c r="I71" s="231"/>
    </row>
    <row r="72" spans="1:9">
      <c r="A72" s="25">
        <v>4</v>
      </c>
      <c r="B72" s="30" t="s">
        <v>4</v>
      </c>
      <c r="C72" s="231"/>
      <c r="D72" s="231"/>
      <c r="E72" s="231"/>
      <c r="F72" s="231"/>
      <c r="G72" s="231"/>
      <c r="H72" s="231"/>
      <c r="I72" s="231"/>
    </row>
    <row r="73" spans="1:9">
      <c r="A73" s="22"/>
      <c r="B73" s="354" t="s">
        <v>22</v>
      </c>
      <c r="C73" s="355"/>
      <c r="D73" s="355"/>
      <c r="E73" s="231"/>
      <c r="F73" s="231"/>
      <c r="G73" s="231"/>
      <c r="H73" s="231"/>
      <c r="I73" s="231"/>
    </row>
    <row r="74" spans="1:9">
      <c r="A74" s="22"/>
      <c r="B74" s="230"/>
      <c r="C74" s="231"/>
      <c r="D74" s="231"/>
      <c r="E74" s="231"/>
      <c r="F74" s="231"/>
      <c r="G74" s="231"/>
      <c r="H74" s="231"/>
      <c r="I74" s="231"/>
    </row>
    <row r="75" spans="1:9">
      <c r="A75" s="243" t="s">
        <v>70</v>
      </c>
      <c r="B75" s="230"/>
      <c r="C75" s="231"/>
      <c r="D75" s="231"/>
      <c r="E75" s="231"/>
      <c r="F75" s="231"/>
      <c r="G75" s="231"/>
      <c r="H75" s="231"/>
      <c r="I75" s="231"/>
    </row>
    <row r="76" spans="1:9">
      <c r="A76" s="22"/>
      <c r="B76" s="230"/>
      <c r="C76" s="231"/>
      <c r="D76" s="231"/>
      <c r="E76" s="231"/>
      <c r="F76" s="231"/>
      <c r="G76" s="231"/>
      <c r="H76" s="231"/>
      <c r="I76" s="231"/>
    </row>
    <row r="77" spans="1:9">
      <c r="A77" s="25">
        <v>5</v>
      </c>
      <c r="B77" s="242" t="s">
        <v>11</v>
      </c>
      <c r="C77" s="231"/>
      <c r="D77" s="231"/>
      <c r="E77" s="231"/>
      <c r="F77" s="231"/>
      <c r="G77" s="231"/>
      <c r="H77" s="231"/>
      <c r="I77" s="231"/>
    </row>
    <row r="78" spans="1:9">
      <c r="A78" s="22"/>
      <c r="B78" s="354" t="s">
        <v>23</v>
      </c>
      <c r="C78" s="355"/>
      <c r="D78" s="355"/>
      <c r="E78" s="231"/>
      <c r="F78" s="231"/>
      <c r="G78" s="231"/>
      <c r="H78" s="231"/>
      <c r="I78" s="231"/>
    </row>
    <row r="79" spans="1:9">
      <c r="A79" s="22"/>
      <c r="B79" s="230"/>
      <c r="C79" s="231"/>
      <c r="D79" s="231"/>
      <c r="E79" s="231"/>
      <c r="F79" s="231"/>
      <c r="G79" s="231"/>
      <c r="H79" s="231"/>
      <c r="I79" s="231"/>
    </row>
    <row r="80" spans="1:9">
      <c r="A80" s="22">
        <v>5</v>
      </c>
      <c r="B80" s="30" t="s">
        <v>43</v>
      </c>
      <c r="C80" s="231"/>
      <c r="D80" s="231"/>
      <c r="E80" s="231"/>
      <c r="F80" s="231"/>
      <c r="G80" s="231"/>
      <c r="H80" s="231"/>
      <c r="I80" s="231"/>
    </row>
    <row r="81" spans="1:9">
      <c r="A81" s="22"/>
      <c r="B81" s="230" t="s">
        <v>71</v>
      </c>
      <c r="C81" s="231"/>
      <c r="D81" s="231"/>
      <c r="E81" s="231"/>
      <c r="F81" s="231"/>
      <c r="G81" s="231"/>
      <c r="H81" s="231"/>
      <c r="I81" s="231"/>
    </row>
    <row r="82" spans="1:9">
      <c r="A82" s="22"/>
      <c r="B82" s="231"/>
      <c r="C82" s="231"/>
      <c r="D82" s="231"/>
      <c r="E82" s="231"/>
      <c r="F82" s="231"/>
      <c r="G82" s="231"/>
      <c r="H82" s="231"/>
      <c r="I82" s="231"/>
    </row>
    <row r="83" spans="1:9">
      <c r="A83" s="25">
        <v>5</v>
      </c>
      <c r="B83" s="30" t="s">
        <v>263</v>
      </c>
      <c r="C83" s="231"/>
      <c r="D83" s="231"/>
      <c r="E83" s="231"/>
      <c r="F83" s="231"/>
      <c r="G83" s="231"/>
      <c r="H83" s="231"/>
      <c r="I83" s="231"/>
    </row>
    <row r="84" spans="1:9">
      <c r="A84" s="22"/>
      <c r="B84" s="354" t="s">
        <v>72</v>
      </c>
      <c r="C84" s="355"/>
      <c r="D84" s="355"/>
      <c r="E84" s="231"/>
      <c r="F84" s="231"/>
      <c r="G84" s="231"/>
      <c r="H84" s="231"/>
      <c r="I84" s="231"/>
    </row>
    <row r="85" spans="1:9">
      <c r="A85" s="22"/>
      <c r="B85" s="354"/>
      <c r="C85" s="355"/>
      <c r="D85" s="355"/>
      <c r="E85" s="231"/>
      <c r="F85" s="231"/>
      <c r="G85" s="231"/>
      <c r="H85" s="231"/>
      <c r="I85" s="231"/>
    </row>
    <row r="86" spans="1:9">
      <c r="A86" s="22">
        <v>5</v>
      </c>
      <c r="B86" s="30" t="s">
        <v>44</v>
      </c>
      <c r="C86" s="231"/>
      <c r="D86" s="231"/>
      <c r="E86" s="231"/>
      <c r="F86" s="231"/>
      <c r="G86" s="231"/>
      <c r="H86" s="231"/>
      <c r="I86" s="231"/>
    </row>
    <row r="87" spans="1:9">
      <c r="A87" s="22"/>
      <c r="B87" s="354" t="s">
        <v>72</v>
      </c>
      <c r="C87" s="355"/>
      <c r="D87" s="355"/>
      <c r="E87" s="231"/>
      <c r="F87" s="231"/>
      <c r="G87" s="231"/>
      <c r="H87" s="231"/>
      <c r="I87" s="231"/>
    </row>
    <row r="88" spans="1:9">
      <c r="A88" s="22"/>
      <c r="B88" s="230"/>
      <c r="C88" s="231"/>
      <c r="D88" s="231"/>
      <c r="E88" s="231"/>
      <c r="F88" s="231"/>
      <c r="G88" s="231"/>
      <c r="H88" s="231"/>
      <c r="I88" s="231"/>
    </row>
    <row r="89" spans="1:9">
      <c r="A89" s="243" t="s">
        <v>45</v>
      </c>
      <c r="B89" s="230"/>
      <c r="C89" s="231"/>
      <c r="D89" s="231"/>
      <c r="E89" s="231"/>
      <c r="F89" s="231"/>
      <c r="G89" s="231"/>
      <c r="H89" s="231"/>
      <c r="I89" s="231"/>
    </row>
    <row r="90" spans="1:9">
      <c r="A90" s="22"/>
      <c r="B90" s="230"/>
      <c r="C90" s="231"/>
      <c r="D90" s="231"/>
      <c r="E90" s="231"/>
      <c r="F90" s="231"/>
      <c r="G90" s="231"/>
      <c r="H90" s="231"/>
      <c r="I90" s="231"/>
    </row>
    <row r="91" spans="1:9">
      <c r="A91" s="25">
        <v>6</v>
      </c>
      <c r="B91" s="242" t="s">
        <v>12</v>
      </c>
      <c r="C91" s="231"/>
      <c r="D91" s="231"/>
      <c r="E91" s="231"/>
      <c r="F91" s="231"/>
      <c r="G91" s="231"/>
      <c r="H91" s="231"/>
      <c r="I91" s="231"/>
    </row>
    <row r="92" spans="1:9">
      <c r="A92" s="22"/>
      <c r="B92" s="354" t="s">
        <v>24</v>
      </c>
      <c r="C92" s="355"/>
      <c r="D92" s="355"/>
      <c r="E92" s="231"/>
      <c r="F92" s="231"/>
      <c r="G92" s="231"/>
      <c r="H92" s="231"/>
      <c r="I92" s="231"/>
    </row>
    <row r="93" spans="1:9">
      <c r="A93" s="22"/>
      <c r="B93" s="354"/>
      <c r="C93" s="355"/>
      <c r="D93" s="355"/>
      <c r="E93" s="231"/>
      <c r="F93" s="231"/>
      <c r="G93" s="231"/>
      <c r="H93" s="231"/>
      <c r="I93" s="231"/>
    </row>
    <row r="94" spans="1:9">
      <c r="A94" s="22">
        <v>6</v>
      </c>
      <c r="B94" s="30" t="s">
        <v>46</v>
      </c>
      <c r="C94" s="231"/>
      <c r="D94" s="231"/>
      <c r="E94" s="231"/>
      <c r="F94" s="231"/>
      <c r="G94" s="231"/>
      <c r="H94" s="231"/>
      <c r="I94" s="231"/>
    </row>
    <row r="95" spans="1:9">
      <c r="A95" s="22"/>
      <c r="B95" s="230" t="s">
        <v>73</v>
      </c>
      <c r="C95" s="231"/>
      <c r="D95" s="231"/>
      <c r="E95" s="231"/>
      <c r="F95" s="231"/>
      <c r="G95" s="231"/>
      <c r="H95" s="231"/>
      <c r="I95" s="231"/>
    </row>
    <row r="96" spans="1:9">
      <c r="A96" s="22"/>
      <c r="B96" s="231"/>
      <c r="C96" s="231"/>
      <c r="D96" s="231"/>
      <c r="E96" s="231"/>
      <c r="F96" s="231"/>
      <c r="G96" s="231"/>
      <c r="H96" s="231"/>
      <c r="I96" s="231"/>
    </row>
    <row r="97" spans="1:9">
      <c r="A97" s="25">
        <v>6</v>
      </c>
      <c r="B97" s="30" t="s">
        <v>265</v>
      </c>
      <c r="C97" s="231"/>
      <c r="D97" s="231"/>
      <c r="E97" s="231"/>
      <c r="F97" s="231"/>
      <c r="G97" s="231"/>
      <c r="H97" s="231"/>
      <c r="I97" s="231"/>
    </row>
    <row r="98" spans="1:9">
      <c r="A98" s="22"/>
      <c r="B98" s="354" t="s">
        <v>25</v>
      </c>
      <c r="C98" s="355"/>
      <c r="D98" s="355"/>
      <c r="E98" s="231"/>
      <c r="F98" s="231"/>
      <c r="G98" s="231"/>
      <c r="H98" s="231"/>
      <c r="I98" s="231"/>
    </row>
    <row r="99" spans="1:9">
      <c r="A99" s="22"/>
      <c r="B99" s="354"/>
      <c r="C99" s="355"/>
      <c r="D99" s="355"/>
      <c r="E99" s="231"/>
      <c r="F99" s="231"/>
      <c r="G99" s="231"/>
      <c r="H99" s="231"/>
      <c r="I99" s="231"/>
    </row>
    <row r="100" spans="1:9">
      <c r="A100" s="22">
        <v>6</v>
      </c>
      <c r="B100" s="30" t="s">
        <v>47</v>
      </c>
      <c r="C100" s="231"/>
      <c r="D100" s="231"/>
      <c r="E100" s="231"/>
      <c r="F100" s="231"/>
      <c r="G100" s="231"/>
      <c r="H100" s="231"/>
      <c r="I100" s="231"/>
    </row>
    <row r="101" spans="1:9">
      <c r="A101" s="22"/>
      <c r="B101" s="230" t="s">
        <v>74</v>
      </c>
      <c r="C101" s="231"/>
      <c r="D101" s="231"/>
      <c r="E101" s="231"/>
      <c r="F101" s="231"/>
      <c r="G101" s="231"/>
      <c r="H101" s="231"/>
      <c r="I101" s="231"/>
    </row>
    <row r="102" spans="1:9">
      <c r="A102" s="22"/>
      <c r="B102" s="230"/>
      <c r="C102" s="231"/>
      <c r="D102" s="231"/>
      <c r="E102" s="231"/>
      <c r="F102" s="231"/>
      <c r="G102" s="231"/>
      <c r="H102" s="231"/>
      <c r="I102" s="231"/>
    </row>
    <row r="103" spans="1:9">
      <c r="A103" s="22">
        <v>6</v>
      </c>
      <c r="B103" s="30" t="s">
        <v>267</v>
      </c>
      <c r="C103" s="290"/>
      <c r="D103" s="290"/>
      <c r="E103" s="290"/>
      <c r="F103" s="290"/>
      <c r="G103" s="290"/>
      <c r="H103" s="290"/>
      <c r="I103" s="290"/>
    </row>
    <row r="104" spans="1:9">
      <c r="A104" s="22"/>
      <c r="B104" s="289" t="s">
        <v>74</v>
      </c>
      <c r="C104" s="290"/>
      <c r="D104" s="290"/>
      <c r="E104" s="290"/>
      <c r="F104" s="290"/>
      <c r="G104" s="290"/>
      <c r="H104" s="290"/>
      <c r="I104" s="290"/>
    </row>
    <row r="105" spans="1:9">
      <c r="A105" s="22"/>
      <c r="B105" s="289"/>
      <c r="C105" s="290"/>
      <c r="D105" s="290"/>
      <c r="E105" s="290"/>
      <c r="F105" s="290"/>
      <c r="G105" s="290"/>
      <c r="H105" s="290"/>
      <c r="I105" s="290"/>
    </row>
    <row r="106" spans="1:9">
      <c r="A106" s="22">
        <v>6</v>
      </c>
      <c r="B106" s="26" t="s">
        <v>30</v>
      </c>
      <c r="C106" s="231"/>
      <c r="D106" s="231"/>
      <c r="E106" s="231"/>
      <c r="F106" s="231"/>
      <c r="G106" s="231"/>
      <c r="H106" s="231"/>
      <c r="I106" s="231"/>
    </row>
    <row r="107" spans="1:9">
      <c r="A107" s="25"/>
      <c r="B107" s="231" t="s">
        <v>75</v>
      </c>
      <c r="C107" s="231"/>
      <c r="D107" s="231"/>
      <c r="E107" s="231"/>
      <c r="F107" s="231"/>
      <c r="G107" s="231"/>
      <c r="H107" s="231"/>
      <c r="I107" s="231"/>
    </row>
    <row r="108" spans="1:9">
      <c r="A108" s="22"/>
      <c r="B108" s="354"/>
      <c r="C108" s="355"/>
      <c r="D108" s="355"/>
      <c r="E108" s="231"/>
      <c r="F108" s="231"/>
      <c r="G108" s="231"/>
      <c r="H108" s="231"/>
      <c r="I108" s="231"/>
    </row>
    <row r="109" spans="1:9">
      <c r="A109" s="22">
        <v>6</v>
      </c>
      <c r="B109" s="30" t="s">
        <v>13</v>
      </c>
      <c r="C109" s="231"/>
      <c r="D109" s="231"/>
      <c r="E109" s="231"/>
      <c r="F109" s="231"/>
      <c r="G109" s="231"/>
      <c r="H109" s="231"/>
      <c r="I109" s="231"/>
    </row>
    <row r="110" spans="1:9">
      <c r="A110" s="31"/>
      <c r="B110" s="354" t="s">
        <v>14</v>
      </c>
      <c r="C110" s="355"/>
      <c r="D110" s="355"/>
      <c r="E110" s="231"/>
      <c r="F110" s="231"/>
      <c r="G110" s="231"/>
      <c r="H110" s="231"/>
      <c r="I110" s="231"/>
    </row>
    <row r="111" spans="1:9">
      <c r="A111" s="31"/>
      <c r="B111" s="230"/>
      <c r="C111" s="231"/>
      <c r="D111" s="231"/>
      <c r="E111" s="231"/>
      <c r="F111" s="231"/>
      <c r="G111" s="231"/>
      <c r="H111" s="231"/>
      <c r="I111" s="231"/>
    </row>
    <row r="112" spans="1:9">
      <c r="A112" s="243" t="s">
        <v>48</v>
      </c>
      <c r="B112" s="34"/>
      <c r="C112" s="35"/>
      <c r="D112" s="35"/>
      <c r="E112" s="231"/>
      <c r="F112" s="231"/>
      <c r="G112" s="231"/>
      <c r="H112" s="231"/>
      <c r="I112" s="231"/>
    </row>
    <row r="113" spans="1:9">
      <c r="A113" s="31"/>
      <c r="B113" s="30"/>
      <c r="C113" s="231"/>
      <c r="D113" s="231"/>
      <c r="E113" s="231"/>
      <c r="F113" s="231"/>
      <c r="G113" s="231"/>
      <c r="H113" s="231"/>
      <c r="I113" s="231"/>
    </row>
    <row r="114" spans="1:9">
      <c r="A114" s="25">
        <v>7</v>
      </c>
      <c r="B114" s="242" t="s">
        <v>273</v>
      </c>
      <c r="C114" s="231"/>
      <c r="D114" s="231"/>
      <c r="E114" s="231"/>
      <c r="F114" s="231"/>
      <c r="G114" s="231"/>
      <c r="H114" s="231"/>
      <c r="I114" s="231"/>
    </row>
    <row r="115" spans="1:9">
      <c r="A115" s="31"/>
      <c r="B115" s="354" t="s">
        <v>419</v>
      </c>
      <c r="C115" s="355"/>
      <c r="D115" s="355"/>
      <c r="E115" s="231"/>
      <c r="F115" s="231"/>
      <c r="G115" s="231"/>
      <c r="H115" s="231"/>
      <c r="I115" s="231"/>
    </row>
    <row r="116" spans="1:9">
      <c r="A116" s="31"/>
      <c r="B116" s="354"/>
      <c r="C116" s="355"/>
      <c r="D116" s="355"/>
      <c r="E116" s="231"/>
      <c r="F116" s="231"/>
      <c r="G116" s="231"/>
      <c r="H116" s="231"/>
      <c r="I116" s="231"/>
    </row>
    <row r="117" spans="1:9">
      <c r="A117" s="25">
        <v>7</v>
      </c>
      <c r="B117" s="30" t="s">
        <v>49</v>
      </c>
      <c r="C117" s="231"/>
      <c r="D117" s="231"/>
      <c r="E117" s="231"/>
      <c r="F117" s="231"/>
      <c r="G117" s="231"/>
      <c r="H117" s="231"/>
      <c r="I117" s="231"/>
    </row>
    <row r="118" spans="1:9">
      <c r="A118" s="31"/>
      <c r="B118" s="230" t="s">
        <v>76</v>
      </c>
      <c r="C118" s="231"/>
      <c r="D118" s="231"/>
      <c r="E118" s="231"/>
      <c r="F118" s="231"/>
      <c r="G118" s="231"/>
      <c r="H118" s="231"/>
      <c r="I118" s="231"/>
    </row>
    <row r="119" spans="1:9">
      <c r="A119" s="31"/>
      <c r="B119" s="230"/>
      <c r="C119" s="231"/>
      <c r="D119" s="231"/>
      <c r="E119" s="231"/>
      <c r="F119" s="231"/>
      <c r="G119" s="231"/>
      <c r="H119" s="231"/>
      <c r="I119" s="231"/>
    </row>
    <row r="120" spans="1:9">
      <c r="A120" s="25">
        <v>7</v>
      </c>
      <c r="B120" s="30" t="s">
        <v>50</v>
      </c>
      <c r="C120" s="231"/>
      <c r="D120" s="231"/>
      <c r="E120" s="231"/>
      <c r="F120" s="231"/>
      <c r="G120" s="231"/>
      <c r="H120" s="231"/>
      <c r="I120" s="231"/>
    </row>
    <row r="121" spans="1:9">
      <c r="A121" s="31"/>
      <c r="B121" s="230" t="s">
        <v>77</v>
      </c>
      <c r="C121" s="231"/>
      <c r="D121" s="231"/>
      <c r="E121" s="231"/>
      <c r="F121" s="231"/>
      <c r="G121" s="231"/>
      <c r="H121" s="231"/>
      <c r="I121" s="231"/>
    </row>
    <row r="122" spans="1:9">
      <c r="A122" s="25"/>
      <c r="B122" s="230"/>
      <c r="C122" s="231"/>
      <c r="D122" s="231"/>
      <c r="E122" s="231"/>
      <c r="F122" s="231"/>
      <c r="G122" s="231"/>
      <c r="H122" s="231"/>
      <c r="I122" s="231"/>
    </row>
    <row r="123" spans="1:9">
      <c r="A123" s="25">
        <v>7</v>
      </c>
      <c r="B123" s="30" t="s">
        <v>276</v>
      </c>
      <c r="C123" s="231"/>
      <c r="D123" s="231"/>
      <c r="E123" s="231"/>
      <c r="F123" s="231"/>
      <c r="G123" s="231"/>
      <c r="H123" s="231"/>
      <c r="I123" s="231"/>
    </row>
    <row r="124" spans="1:9">
      <c r="A124" s="25"/>
      <c r="B124" s="289" t="s">
        <v>420</v>
      </c>
      <c r="C124" s="231"/>
      <c r="D124" s="231"/>
      <c r="E124" s="231"/>
      <c r="F124" s="231"/>
      <c r="G124" s="231"/>
      <c r="H124" s="231"/>
      <c r="I124" s="231"/>
    </row>
    <row r="125" spans="1:9">
      <c r="A125" s="25"/>
      <c r="B125" s="230"/>
      <c r="C125" s="231"/>
      <c r="D125" s="231"/>
      <c r="E125" s="231"/>
      <c r="F125" s="231"/>
      <c r="G125" s="231"/>
      <c r="H125" s="231"/>
      <c r="I125" s="231"/>
    </row>
    <row r="126" spans="1:9">
      <c r="A126" s="25">
        <v>7</v>
      </c>
      <c r="B126" s="30" t="s">
        <v>15</v>
      </c>
      <c r="C126" s="231"/>
      <c r="D126" s="231"/>
      <c r="E126" s="231"/>
      <c r="F126" s="231"/>
      <c r="G126" s="231"/>
      <c r="H126" s="231"/>
      <c r="I126" s="231"/>
    </row>
    <row r="127" spans="1:9">
      <c r="A127" s="31"/>
      <c r="B127" s="354" t="s">
        <v>26</v>
      </c>
      <c r="C127" s="355"/>
      <c r="D127" s="355"/>
      <c r="E127" s="231"/>
      <c r="F127" s="231"/>
      <c r="G127" s="231"/>
      <c r="H127" s="231"/>
      <c r="I127" s="231"/>
    </row>
    <row r="128" spans="1:9">
      <c r="A128" s="25"/>
      <c r="B128" s="230"/>
      <c r="C128" s="231"/>
      <c r="D128" s="231"/>
      <c r="E128" s="231"/>
      <c r="F128" s="231"/>
      <c r="G128" s="231"/>
      <c r="H128" s="231"/>
      <c r="I128" s="231"/>
    </row>
    <row r="129" spans="1:9">
      <c r="A129" s="25">
        <v>7</v>
      </c>
      <c r="B129" s="30" t="s">
        <v>78</v>
      </c>
      <c r="C129" s="231"/>
      <c r="D129" s="231"/>
      <c r="E129" s="231"/>
      <c r="F129" s="231"/>
      <c r="G129" s="231"/>
      <c r="H129" s="231"/>
      <c r="I129" s="231"/>
    </row>
    <row r="130" spans="1:9">
      <c r="A130" s="31"/>
      <c r="B130" s="230" t="s">
        <v>79</v>
      </c>
      <c r="C130" s="231"/>
      <c r="D130" s="231"/>
      <c r="E130" s="231"/>
      <c r="F130" s="231"/>
      <c r="G130" s="231"/>
      <c r="H130" s="231"/>
      <c r="I130" s="231"/>
    </row>
    <row r="131" spans="1:9">
      <c r="A131" s="31"/>
      <c r="B131" s="230"/>
      <c r="C131" s="231"/>
      <c r="D131" s="231"/>
      <c r="E131" s="231"/>
      <c r="F131" s="231"/>
      <c r="G131" s="231"/>
      <c r="H131" s="231"/>
      <c r="I131" s="231"/>
    </row>
    <row r="132" spans="1:9">
      <c r="A132" s="25">
        <v>7</v>
      </c>
      <c r="B132" s="273" t="s">
        <v>51</v>
      </c>
      <c r="C132" s="25"/>
      <c r="D132" s="25"/>
      <c r="E132" s="231"/>
      <c r="F132" s="231"/>
      <c r="G132" s="231"/>
      <c r="H132" s="231"/>
      <c r="I132" s="231"/>
    </row>
    <row r="133" spans="1:9">
      <c r="A133" s="25"/>
      <c r="B133" s="25" t="s">
        <v>27</v>
      </c>
      <c r="C133" s="25"/>
      <c r="D133" s="25"/>
      <c r="E133" s="231"/>
      <c r="F133" s="231"/>
      <c r="G133" s="231"/>
      <c r="H133" s="231"/>
      <c r="I133" s="231"/>
    </row>
    <row r="134" spans="1:9">
      <c r="A134" s="25"/>
      <c r="B134" s="25"/>
      <c r="C134" s="25"/>
      <c r="D134" s="25"/>
      <c r="E134" s="231"/>
      <c r="F134" s="231"/>
      <c r="G134" s="231"/>
      <c r="H134" s="231"/>
      <c r="I134" s="231"/>
    </row>
    <row r="135" spans="1:9">
      <c r="A135" s="25">
        <v>7</v>
      </c>
      <c r="B135" s="273" t="s">
        <v>52</v>
      </c>
      <c r="C135" s="25"/>
      <c r="D135" s="25"/>
      <c r="E135" s="231"/>
      <c r="F135" s="231"/>
      <c r="G135" s="231"/>
      <c r="H135" s="231"/>
      <c r="I135" s="231"/>
    </row>
    <row r="136" spans="1:9">
      <c r="A136" s="25"/>
      <c r="B136" s="25" t="s">
        <v>80</v>
      </c>
      <c r="C136" s="25"/>
      <c r="D136" s="25"/>
      <c r="E136" s="231"/>
      <c r="F136" s="231"/>
      <c r="G136" s="231"/>
      <c r="H136" s="231"/>
      <c r="I136" s="231"/>
    </row>
    <row r="137" spans="1:9">
      <c r="A137" s="31"/>
      <c r="B137" s="230"/>
      <c r="C137" s="231"/>
      <c r="D137" s="231"/>
      <c r="E137" s="231"/>
      <c r="F137" s="231"/>
      <c r="G137" s="231"/>
      <c r="H137" s="231"/>
      <c r="I137" s="231"/>
    </row>
    <row r="138" spans="1:9">
      <c r="A138" s="25">
        <v>7</v>
      </c>
      <c r="B138" s="273" t="s">
        <v>16</v>
      </c>
      <c r="C138" s="231"/>
      <c r="D138" s="231"/>
      <c r="E138" s="231"/>
      <c r="F138" s="231"/>
      <c r="G138" s="231"/>
      <c r="H138" s="231"/>
      <c r="I138" s="231"/>
    </row>
    <row r="139" spans="1:9">
      <c r="A139" s="31"/>
      <c r="B139" s="354" t="s">
        <v>28</v>
      </c>
      <c r="C139" s="355"/>
      <c r="D139" s="355"/>
      <c r="E139" s="231"/>
      <c r="F139" s="231"/>
      <c r="G139" s="231"/>
      <c r="H139" s="231"/>
      <c r="I139" s="231"/>
    </row>
    <row r="140" spans="1:9">
      <c r="A140" s="31"/>
      <c r="B140" s="230"/>
      <c r="C140" s="231"/>
      <c r="D140" s="231"/>
      <c r="E140" s="231"/>
      <c r="F140" s="231"/>
      <c r="G140" s="231"/>
      <c r="H140" s="231"/>
      <c r="I140" s="231"/>
    </row>
    <row r="141" spans="1:9">
      <c r="A141" s="25">
        <v>7</v>
      </c>
      <c r="B141" s="30" t="s">
        <v>53</v>
      </c>
      <c r="C141" s="231"/>
      <c r="D141" s="231"/>
      <c r="E141" s="231"/>
      <c r="F141" s="231"/>
      <c r="G141" s="231"/>
      <c r="H141" s="231"/>
      <c r="I141" s="231"/>
    </row>
    <row r="142" spans="1:9">
      <c r="A142" s="31"/>
      <c r="B142" s="25" t="s">
        <v>81</v>
      </c>
      <c r="C142" s="231"/>
      <c r="D142" s="231"/>
      <c r="E142" s="231"/>
      <c r="F142" s="231"/>
      <c r="G142" s="231"/>
      <c r="H142" s="231"/>
      <c r="I142" s="231"/>
    </row>
    <row r="143" spans="1:9">
      <c r="A143" s="31"/>
      <c r="B143" s="230"/>
      <c r="C143" s="231"/>
      <c r="D143" s="231"/>
      <c r="E143" s="231"/>
      <c r="F143" s="231"/>
      <c r="G143" s="231"/>
      <c r="H143" s="231"/>
      <c r="I143" s="231"/>
    </row>
    <row r="144" spans="1:9">
      <c r="A144" s="243" t="s">
        <v>54</v>
      </c>
      <c r="B144" s="34"/>
      <c r="C144" s="34"/>
      <c r="D144" s="34"/>
      <c r="E144" s="231"/>
      <c r="F144" s="231"/>
      <c r="G144" s="231"/>
      <c r="H144" s="231"/>
      <c r="I144" s="231"/>
    </row>
    <row r="145" spans="1:9">
      <c r="A145" s="31"/>
      <c r="B145" s="30"/>
      <c r="C145" s="231"/>
      <c r="D145" s="231"/>
      <c r="E145" s="231"/>
      <c r="F145" s="231"/>
      <c r="G145" s="231"/>
      <c r="H145" s="231"/>
      <c r="I145" s="231"/>
    </row>
    <row r="146" spans="1:9">
      <c r="A146" s="25">
        <v>8</v>
      </c>
      <c r="B146" s="242" t="s">
        <v>17</v>
      </c>
      <c r="C146" s="231"/>
      <c r="D146" s="231"/>
      <c r="E146" s="231"/>
      <c r="F146" s="231"/>
      <c r="G146" s="231"/>
      <c r="H146" s="231"/>
      <c r="I146" s="231"/>
    </row>
    <row r="147" spans="1:9">
      <c r="A147" s="31"/>
      <c r="B147" s="354" t="s">
        <v>29</v>
      </c>
      <c r="C147" s="355"/>
      <c r="D147" s="355"/>
      <c r="E147" s="231"/>
      <c r="F147" s="231"/>
      <c r="G147" s="231"/>
      <c r="H147" s="231"/>
      <c r="I147" s="231"/>
    </row>
    <row r="148" spans="1:9">
      <c r="A148" s="31"/>
      <c r="B148" s="354"/>
      <c r="C148" s="355"/>
      <c r="D148" s="355"/>
      <c r="E148" s="231"/>
      <c r="F148" s="231"/>
      <c r="G148" s="231"/>
      <c r="H148" s="231"/>
      <c r="I148" s="231"/>
    </row>
    <row r="149" spans="1:9">
      <c r="A149" s="22">
        <v>8</v>
      </c>
      <c r="B149" s="26" t="s">
        <v>55</v>
      </c>
      <c r="C149" s="231"/>
      <c r="D149" s="231"/>
      <c r="E149" s="231"/>
      <c r="F149" s="231"/>
      <c r="G149" s="231"/>
      <c r="H149" s="231"/>
      <c r="I149" s="231"/>
    </row>
    <row r="150" spans="1:9">
      <c r="A150" s="22"/>
      <c r="B150" s="25" t="s">
        <v>178</v>
      </c>
      <c r="C150" s="231"/>
      <c r="D150" s="231"/>
      <c r="E150" s="231"/>
      <c r="F150" s="231"/>
      <c r="G150" s="231"/>
      <c r="H150" s="231"/>
      <c r="I150" s="231"/>
    </row>
    <row r="151" spans="1:9">
      <c r="A151" s="22"/>
      <c r="B151" s="231"/>
      <c r="C151" s="231"/>
      <c r="D151" s="231"/>
      <c r="E151" s="231"/>
      <c r="F151" s="231"/>
      <c r="G151" s="231"/>
      <c r="H151" s="231"/>
      <c r="I151" s="231"/>
    </row>
    <row r="152" spans="1:9">
      <c r="A152" s="22"/>
      <c r="B152" s="231"/>
      <c r="C152" s="231"/>
      <c r="D152" s="231"/>
      <c r="E152" s="231"/>
      <c r="F152" s="231"/>
      <c r="G152" s="231"/>
      <c r="H152" s="231"/>
      <c r="I152" s="231"/>
    </row>
  </sheetData>
  <mergeCells count="30">
    <mergeCell ref="B108:D108"/>
    <mergeCell ref="B73:D73"/>
    <mergeCell ref="B85:D85"/>
    <mergeCell ref="B67:E67"/>
    <mergeCell ref="B93:D93"/>
    <mergeCell ref="B84:D84"/>
    <mergeCell ref="B92:D92"/>
    <mergeCell ref="B68:E68"/>
    <mergeCell ref="B87:D87"/>
    <mergeCell ref="B63:C63"/>
    <mergeCell ref="B98:D98"/>
    <mergeCell ref="B99:D99"/>
    <mergeCell ref="B78:D78"/>
    <mergeCell ref="B64:E64"/>
    <mergeCell ref="A1:D1"/>
    <mergeCell ref="B8:F8"/>
    <mergeCell ref="B52:D52"/>
    <mergeCell ref="B53:D53"/>
    <mergeCell ref="B35:E35"/>
    <mergeCell ref="B11:D11"/>
    <mergeCell ref="B22:G22"/>
    <mergeCell ref="A30:C30"/>
    <mergeCell ref="B44:C44"/>
    <mergeCell ref="B148:D148"/>
    <mergeCell ref="B116:D116"/>
    <mergeCell ref="B110:D110"/>
    <mergeCell ref="B115:D115"/>
    <mergeCell ref="B139:D139"/>
    <mergeCell ref="B147:D147"/>
    <mergeCell ref="B127:D12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6"/>
  <sheetViews>
    <sheetView zoomScaleNormal="100" zoomScalePageLayoutView="75" workbookViewId="0">
      <selection activeCell="A91" sqref="A91:H91"/>
    </sheetView>
  </sheetViews>
  <sheetFormatPr defaultColWidth="20.28515625" defaultRowHeight="15"/>
  <cols>
    <col min="1" max="1" width="36.140625" style="1" customWidth="1"/>
    <col min="2" max="4" width="20.28515625" style="1" customWidth="1"/>
    <col min="5" max="6" width="20.28515625" style="5" customWidth="1"/>
    <col min="7" max="16384" width="20.28515625" style="1"/>
  </cols>
  <sheetData>
    <row r="1" spans="1:8" ht="31.5">
      <c r="A1" s="33" t="s">
        <v>63</v>
      </c>
    </row>
    <row r="3" spans="1:8" ht="18.75">
      <c r="A3" s="367" t="s">
        <v>82</v>
      </c>
      <c r="B3" s="367"/>
      <c r="C3" s="367"/>
      <c r="D3" s="367"/>
      <c r="E3" s="367"/>
      <c r="F3" s="367"/>
      <c r="G3" s="367"/>
      <c r="H3" s="367"/>
    </row>
    <row r="4" spans="1:8" ht="63" customHeight="1">
      <c r="A4" s="372" t="s">
        <v>83</v>
      </c>
      <c r="B4" s="372"/>
      <c r="C4" s="372"/>
      <c r="D4" s="372"/>
      <c r="E4" s="372"/>
      <c r="F4" s="372"/>
      <c r="G4" s="372"/>
      <c r="H4" s="372"/>
    </row>
    <row r="5" spans="1:8" ht="40.5" customHeight="1">
      <c r="A5" s="361" t="s">
        <v>84</v>
      </c>
      <c r="B5" s="362"/>
      <c r="C5" s="362"/>
      <c r="D5" s="362"/>
      <c r="E5" s="362"/>
      <c r="F5" s="362"/>
      <c r="G5" s="362"/>
      <c r="H5" s="362"/>
    </row>
    <row r="6" spans="1:8" ht="45" customHeight="1">
      <c r="A6" s="37" t="s">
        <v>85</v>
      </c>
      <c r="B6" s="38" t="s">
        <v>86</v>
      </c>
      <c r="C6" s="39" t="s">
        <v>87</v>
      </c>
      <c r="D6" s="40" t="s">
        <v>88</v>
      </c>
      <c r="E6" s="38" t="s">
        <v>409</v>
      </c>
      <c r="F6" s="40" t="s">
        <v>413</v>
      </c>
      <c r="G6" s="39" t="s">
        <v>411</v>
      </c>
      <c r="H6" s="40" t="s">
        <v>413</v>
      </c>
    </row>
    <row r="7" spans="1:8" ht="60">
      <c r="A7" s="41"/>
      <c r="B7" s="42" t="s">
        <v>89</v>
      </c>
      <c r="C7" s="43" t="s">
        <v>90</v>
      </c>
      <c r="D7" s="44" t="s">
        <v>91</v>
      </c>
      <c r="E7" s="42" t="s">
        <v>410</v>
      </c>
      <c r="F7" s="91" t="s">
        <v>104</v>
      </c>
      <c r="G7" s="128" t="s">
        <v>412</v>
      </c>
      <c r="H7" s="91" t="s">
        <v>104</v>
      </c>
    </row>
    <row r="8" spans="1:8">
      <c r="A8" s="45" t="s">
        <v>430</v>
      </c>
      <c r="B8" s="46">
        <v>10765</v>
      </c>
      <c r="C8" s="47">
        <v>71.107271693621257</v>
      </c>
      <c r="D8" s="48">
        <v>0.37240000000000001</v>
      </c>
      <c r="E8" s="299">
        <v>0.21129637167984341</v>
      </c>
      <c r="F8" s="292">
        <v>7.8691150813056249E-3</v>
      </c>
      <c r="G8" s="299">
        <v>0.44223960828991737</v>
      </c>
      <c r="H8" s="292">
        <v>9.5718777259957942E-3</v>
      </c>
    </row>
    <row r="9" spans="1:8">
      <c r="A9" s="49" t="s">
        <v>431</v>
      </c>
      <c r="B9" s="50">
        <v>8628</v>
      </c>
      <c r="C9" s="51">
        <v>72.033155499690523</v>
      </c>
      <c r="D9" s="52">
        <v>0.41845088882719866</v>
      </c>
      <c r="E9" s="300">
        <v>0.18847712507970982</v>
      </c>
      <c r="F9" s="293">
        <v>8.4213478982355459E-3</v>
      </c>
      <c r="G9" s="300">
        <v>0.47128157181724678</v>
      </c>
      <c r="H9" s="293">
        <v>1.0745519058104679E-2</v>
      </c>
    </row>
    <row r="10" spans="1:8" s="5" customFormat="1">
      <c r="A10" s="45" t="s">
        <v>432</v>
      </c>
      <c r="B10" s="46">
        <v>1973</v>
      </c>
      <c r="C10" s="47">
        <v>68.900000000000006</v>
      </c>
      <c r="D10" s="48">
        <v>0.98</v>
      </c>
      <c r="E10" s="299">
        <v>0.252</v>
      </c>
      <c r="F10" s="292">
        <v>1.9541772765066311E-2</v>
      </c>
      <c r="G10" s="299">
        <v>0.37</v>
      </c>
      <c r="H10" s="292">
        <v>2.1720080486313968E-2</v>
      </c>
    </row>
    <row r="11" spans="1:8" s="5" customFormat="1">
      <c r="A11" s="49" t="s">
        <v>433</v>
      </c>
      <c r="B11" s="50">
        <v>131</v>
      </c>
      <c r="C11" s="51">
        <v>67.461671092823721</v>
      </c>
      <c r="D11" s="52">
        <v>3.4104000000000001</v>
      </c>
      <c r="E11" s="300">
        <v>0.23161121214531963</v>
      </c>
      <c r="F11" s="293">
        <v>7.3469129855337129E-2</v>
      </c>
      <c r="G11" s="300">
        <v>0.36896907246937549</v>
      </c>
      <c r="H11" s="293">
        <v>8.3236966752137861E-2</v>
      </c>
    </row>
    <row r="12" spans="1:8" s="5" customFormat="1">
      <c r="A12" s="45" t="s">
        <v>434</v>
      </c>
      <c r="B12" s="46">
        <v>3064</v>
      </c>
      <c r="C12" s="47">
        <v>71.933821751171635</v>
      </c>
      <c r="D12" s="48">
        <v>0.68599999999999994</v>
      </c>
      <c r="E12" s="299">
        <v>0.19843668636295528</v>
      </c>
      <c r="F12" s="292">
        <v>1.4411377607751802E-2</v>
      </c>
      <c r="G12" s="299">
        <v>0.45623784384725891</v>
      </c>
      <c r="H12" s="292">
        <v>1.7984850362471796E-2</v>
      </c>
    </row>
    <row r="13" spans="1:8" s="5" customFormat="1">
      <c r="A13" s="49" t="s">
        <v>435</v>
      </c>
      <c r="B13" s="50">
        <v>2475</v>
      </c>
      <c r="C13" s="51">
        <v>73.670841202506338</v>
      </c>
      <c r="D13" s="52">
        <v>0.78400000000000003</v>
      </c>
      <c r="E13" s="300">
        <v>0.16300000000000001</v>
      </c>
      <c r="F13" s="293">
        <v>1.4856973279945134E-2</v>
      </c>
      <c r="G13" s="300">
        <v>0.503</v>
      </c>
      <c r="H13" s="293">
        <v>2.0084172572737074E-2</v>
      </c>
    </row>
    <row r="14" spans="1:8" s="5" customFormat="1">
      <c r="A14" s="45" t="s">
        <v>452</v>
      </c>
      <c r="B14" s="46">
        <v>92</v>
      </c>
      <c r="C14" s="47">
        <v>70.218993291590863</v>
      </c>
      <c r="D14" s="48">
        <v>4.1159999999999997</v>
      </c>
      <c r="E14" s="299">
        <v>0.28382306358578535</v>
      </c>
      <c r="F14" s="292">
        <v>9.2888995519223708E-2</v>
      </c>
      <c r="G14" s="299">
        <v>0.42746198692691345</v>
      </c>
      <c r="H14" s="292">
        <v>0.10107084601324452</v>
      </c>
    </row>
    <row r="15" spans="1:8" s="5" customFormat="1">
      <c r="A15" s="49" t="s">
        <v>172</v>
      </c>
      <c r="B15" s="50">
        <v>243</v>
      </c>
      <c r="C15" s="51">
        <v>76.882157731555694</v>
      </c>
      <c r="D15" s="52">
        <v>2.3715999999999999</v>
      </c>
      <c r="E15" s="300">
        <v>0.12186122534688508</v>
      </c>
      <c r="F15" s="293">
        <v>4.2513115450240654E-2</v>
      </c>
      <c r="G15" s="300">
        <v>0.54080953222821304</v>
      </c>
      <c r="H15" s="293">
        <v>6.3423017313028004E-2</v>
      </c>
    </row>
    <row r="16" spans="1:8" s="5" customFormat="1" ht="25.5">
      <c r="A16" s="45" t="s">
        <v>436</v>
      </c>
      <c r="B16" s="46">
        <v>95</v>
      </c>
      <c r="C16" s="47">
        <v>76.809332728711766</v>
      </c>
      <c r="D16" s="48">
        <v>4.0964</v>
      </c>
      <c r="E16" s="299">
        <v>0.13630236754204442</v>
      </c>
      <c r="F16" s="292">
        <v>7.1969988277839958E-2</v>
      </c>
      <c r="G16" s="299">
        <v>0.59686599745974744</v>
      </c>
      <c r="H16" s="292">
        <v>9.8751782459220977E-2</v>
      </c>
    </row>
    <row r="17" spans="1:8" s="5" customFormat="1" ht="25.5">
      <c r="A17" s="49" t="s">
        <v>437</v>
      </c>
      <c r="B17" s="50">
        <v>115</v>
      </c>
      <c r="C17" s="51">
        <v>75.497650264465378</v>
      </c>
      <c r="D17" s="52">
        <v>3.1556000000000002</v>
      </c>
      <c r="E17" s="300">
        <v>0.12032794784369691</v>
      </c>
      <c r="F17" s="293">
        <v>6.2275364803982422E-2</v>
      </c>
      <c r="G17" s="300">
        <v>0.54359969561201305</v>
      </c>
      <c r="H17" s="293">
        <v>9.1343789160739847E-2</v>
      </c>
    </row>
    <row r="18" spans="1:8" s="5" customFormat="1">
      <c r="A18" s="45" t="s">
        <v>453</v>
      </c>
      <c r="B18" s="46">
        <v>542</v>
      </c>
      <c r="C18" s="47">
        <v>72.897225270162579</v>
      </c>
      <c r="D18" s="48">
        <v>1.6267999999999998</v>
      </c>
      <c r="E18" s="299">
        <v>0.19401490957844561</v>
      </c>
      <c r="F18" s="292">
        <v>3.3994173364340748E-2</v>
      </c>
      <c r="G18" s="299">
        <v>0.4984225596245585</v>
      </c>
      <c r="H18" s="292">
        <v>4.2795839379366291E-2</v>
      </c>
    </row>
    <row r="19" spans="1:8" s="5" customFormat="1" ht="25.5">
      <c r="A19" s="49" t="s">
        <v>438</v>
      </c>
      <c r="B19" s="50">
        <v>82</v>
      </c>
      <c r="C19" s="51">
        <v>69.385571910084622</v>
      </c>
      <c r="D19" s="52">
        <v>3.6259999999999999</v>
      </c>
      <c r="E19" s="300">
        <v>0.26144491905224865</v>
      </c>
      <c r="F19" s="293">
        <v>9.6028624069862484E-2</v>
      </c>
      <c r="G19" s="300">
        <v>0.3967001135898815</v>
      </c>
      <c r="H19" s="293">
        <v>0.10571983325683151</v>
      </c>
    </row>
    <row r="20" spans="1:8" ht="25.5">
      <c r="A20" s="45" t="s">
        <v>439</v>
      </c>
      <c r="B20" s="46">
        <v>79</v>
      </c>
      <c r="C20" s="47">
        <v>76.790583899224643</v>
      </c>
      <c r="D20" s="48">
        <v>4.0964</v>
      </c>
      <c r="E20" s="299">
        <v>0.11175355681258585</v>
      </c>
      <c r="F20" s="292">
        <v>7.3940162646832355E-2</v>
      </c>
      <c r="G20" s="299">
        <v>0.50584464202731205</v>
      </c>
      <c r="H20" s="292">
        <v>0.109757466104223</v>
      </c>
    </row>
    <row r="21" spans="1:8">
      <c r="A21" s="49" t="s">
        <v>440</v>
      </c>
      <c r="B21" s="50">
        <v>77</v>
      </c>
      <c r="C21" s="51">
        <v>78.800212478427042</v>
      </c>
      <c r="D21" s="52">
        <v>3.8220000000000001</v>
      </c>
      <c r="E21" s="300">
        <v>8.1615226876840002E-2</v>
      </c>
      <c r="F21" s="293">
        <v>6.733582010820631E-2</v>
      </c>
      <c r="G21" s="300">
        <v>0.60275454773309889</v>
      </c>
      <c r="H21" s="293">
        <v>0.10897016670443493</v>
      </c>
    </row>
    <row r="22" spans="1:8">
      <c r="A22" s="57" t="s">
        <v>441</v>
      </c>
      <c r="B22" s="46">
        <v>75</v>
      </c>
      <c r="C22" s="47">
        <v>78.52835569031393</v>
      </c>
      <c r="D22" s="48">
        <v>4.0571999999999999</v>
      </c>
      <c r="E22" s="299">
        <v>0.12929896320357953</v>
      </c>
      <c r="F22" s="292">
        <v>7.9919046065648078E-2</v>
      </c>
      <c r="G22" s="299">
        <v>0.57047251103895369</v>
      </c>
      <c r="H22" s="292">
        <v>0.11149702089804762</v>
      </c>
    </row>
    <row r="23" spans="1:8" ht="25.5">
      <c r="A23" s="49" t="s">
        <v>442</v>
      </c>
      <c r="B23" s="50">
        <v>114</v>
      </c>
      <c r="C23" s="51">
        <v>69.335189829297505</v>
      </c>
      <c r="D23" s="52">
        <v>3.7827999999999999</v>
      </c>
      <c r="E23" s="300">
        <v>0.27861051819639476</v>
      </c>
      <c r="F23" s="293">
        <v>8.3209621382758031E-2</v>
      </c>
      <c r="G23" s="300">
        <v>0.53981721421603002</v>
      </c>
      <c r="H23" s="293">
        <v>9.1784613962176229E-2</v>
      </c>
    </row>
    <row r="24" spans="1:8">
      <c r="A24" s="57" t="s">
        <v>443</v>
      </c>
      <c r="B24" s="46">
        <v>171</v>
      </c>
      <c r="C24" s="47">
        <v>67.777745331777638</v>
      </c>
      <c r="D24" s="48">
        <v>3.2731999999999997</v>
      </c>
      <c r="E24" s="299">
        <v>0.27404184223309669</v>
      </c>
      <c r="F24" s="292">
        <v>6.782334609794971E-2</v>
      </c>
      <c r="G24" s="299">
        <v>0.4383348807320559</v>
      </c>
      <c r="H24" s="292">
        <v>7.5041970573208605E-2</v>
      </c>
    </row>
    <row r="25" spans="1:8">
      <c r="A25" s="49" t="s">
        <v>455</v>
      </c>
      <c r="B25" s="50">
        <v>148</v>
      </c>
      <c r="C25" s="51">
        <v>74.249404397689602</v>
      </c>
      <c r="D25" s="52">
        <v>2.7831999999999999</v>
      </c>
      <c r="E25" s="300">
        <v>0.15854424674124779</v>
      </c>
      <c r="F25" s="293">
        <v>6.0581317440950196E-2</v>
      </c>
      <c r="G25" s="300">
        <v>0.52827327204424146</v>
      </c>
      <c r="H25" s="293">
        <v>8.098767629184303E-2</v>
      </c>
    </row>
    <row r="26" spans="1:8">
      <c r="A26" s="57" t="s">
        <v>444</v>
      </c>
      <c r="B26" s="46">
        <v>88</v>
      </c>
      <c r="C26" s="47">
        <v>71.804752125910056</v>
      </c>
      <c r="D26" s="48">
        <v>3.7631999999999999</v>
      </c>
      <c r="E26" s="299">
        <v>0.19754832759968532</v>
      </c>
      <c r="F26" s="292">
        <v>8.5033135336453139E-2</v>
      </c>
      <c r="G26" s="299">
        <v>0.44821589080885343</v>
      </c>
      <c r="H26" s="292">
        <v>0.10374435949956642</v>
      </c>
    </row>
    <row r="27" spans="1:8">
      <c r="A27" s="49" t="s">
        <v>454</v>
      </c>
      <c r="B27" s="50">
        <v>258</v>
      </c>
      <c r="C27" s="51">
        <v>71.817181780960638</v>
      </c>
      <c r="D27" s="52">
        <v>2.2735999999999996</v>
      </c>
      <c r="E27" s="300">
        <v>0.18654416621864989</v>
      </c>
      <c r="F27" s="293">
        <v>4.8602245679073688E-2</v>
      </c>
      <c r="G27" s="300">
        <v>0.50340276117263794</v>
      </c>
      <c r="H27" s="293">
        <v>6.177881897805635E-2</v>
      </c>
    </row>
    <row r="28" spans="1:8" s="5" customFormat="1" ht="25.5">
      <c r="A28" s="57" t="s">
        <v>445</v>
      </c>
      <c r="B28" s="46">
        <v>112</v>
      </c>
      <c r="C28" s="47">
        <v>75.41972348192435</v>
      </c>
      <c r="D28" s="48">
        <v>3.3123999999999998</v>
      </c>
      <c r="E28" s="299">
        <v>0.12817268458198958</v>
      </c>
      <c r="F28" s="292">
        <v>6.4624890838845872E-2</v>
      </c>
      <c r="G28" s="299">
        <v>0.54822675677901223</v>
      </c>
      <c r="H28" s="292">
        <v>9.2444170621231017E-2</v>
      </c>
    </row>
    <row r="29" spans="1:8" s="5" customFormat="1">
      <c r="A29" s="49" t="s">
        <v>471</v>
      </c>
      <c r="B29" s="50">
        <v>90</v>
      </c>
      <c r="C29" s="51">
        <v>72.363219749038194</v>
      </c>
      <c r="D29" s="52">
        <v>3.4887999999999999</v>
      </c>
      <c r="E29" s="300">
        <v>0.14142049193399125</v>
      </c>
      <c r="F29" s="293">
        <v>7.498392010476318E-2</v>
      </c>
      <c r="G29" s="300">
        <v>0.45266100818051574</v>
      </c>
      <c r="H29" s="293">
        <v>0.10271747736249362</v>
      </c>
    </row>
    <row r="30" spans="1:8" s="5" customFormat="1" ht="25.5">
      <c r="A30" s="57" t="s">
        <v>442</v>
      </c>
      <c r="B30" s="46">
        <v>114</v>
      </c>
      <c r="C30" s="47">
        <v>69.335189829297505</v>
      </c>
      <c r="D30" s="48">
        <v>3.7827999999999999</v>
      </c>
      <c r="E30" s="299">
        <v>0.27861051819639476</v>
      </c>
      <c r="F30" s="292">
        <v>8.3209621382758031E-2</v>
      </c>
      <c r="G30" s="299">
        <v>0.53981721421603002</v>
      </c>
      <c r="H30" s="292">
        <v>9.1784613962176229E-2</v>
      </c>
    </row>
    <row r="32" spans="1:8" ht="18.75">
      <c r="A32" s="367" t="s">
        <v>7</v>
      </c>
      <c r="B32" s="367"/>
      <c r="C32" s="367"/>
      <c r="D32" s="367"/>
      <c r="E32" s="367"/>
      <c r="F32" s="367"/>
      <c r="G32" s="367"/>
      <c r="H32" s="367"/>
    </row>
    <row r="33" spans="1:8" ht="115.5" customHeight="1">
      <c r="A33" s="373" t="s">
        <v>291</v>
      </c>
      <c r="B33" s="373"/>
      <c r="C33" s="373"/>
      <c r="D33" s="373"/>
      <c r="E33" s="373"/>
      <c r="F33" s="373"/>
      <c r="G33" s="373"/>
      <c r="H33" s="373"/>
    </row>
    <row r="34" spans="1:8" ht="39.75" customHeight="1">
      <c r="A34" s="361" t="s">
        <v>92</v>
      </c>
      <c r="B34" s="362"/>
      <c r="C34" s="362"/>
      <c r="D34" s="362"/>
      <c r="E34" s="362"/>
      <c r="F34" s="362"/>
      <c r="G34" s="362"/>
      <c r="H34" s="362"/>
    </row>
    <row r="35" spans="1:8" ht="45" customHeight="1">
      <c r="A35" s="37" t="s">
        <v>85</v>
      </c>
      <c r="B35" s="38" t="s">
        <v>86</v>
      </c>
      <c r="C35" s="39" t="s">
        <v>87</v>
      </c>
      <c r="D35" s="40" t="s">
        <v>88</v>
      </c>
      <c r="E35" s="38" t="s">
        <v>409</v>
      </c>
      <c r="F35" s="40" t="s">
        <v>413</v>
      </c>
      <c r="G35" s="39" t="s">
        <v>411</v>
      </c>
      <c r="H35" s="40" t="s">
        <v>413</v>
      </c>
    </row>
    <row r="36" spans="1:8" ht="87" customHeight="1">
      <c r="A36" s="41"/>
      <c r="B36" s="42" t="s">
        <v>89</v>
      </c>
      <c r="C36" s="43" t="s">
        <v>90</v>
      </c>
      <c r="D36" s="44" t="s">
        <v>91</v>
      </c>
      <c r="E36" s="42" t="s">
        <v>410</v>
      </c>
      <c r="F36" s="91" t="s">
        <v>104</v>
      </c>
      <c r="G36" s="128" t="s">
        <v>412</v>
      </c>
      <c r="H36" s="91" t="s">
        <v>104</v>
      </c>
    </row>
    <row r="37" spans="1:8">
      <c r="A37" s="45" t="s">
        <v>430</v>
      </c>
      <c r="B37" s="58">
        <v>10728</v>
      </c>
      <c r="C37" s="59">
        <v>69.8</v>
      </c>
      <c r="D37" s="60">
        <v>0.3332</v>
      </c>
      <c r="E37" s="294">
        <v>0.26500000000000001</v>
      </c>
      <c r="F37" s="295">
        <v>8.5212273349339705E-3</v>
      </c>
      <c r="G37" s="294">
        <v>0.32600000000000001</v>
      </c>
      <c r="H37" s="295">
        <v>9.0500444183065909E-3</v>
      </c>
    </row>
    <row r="38" spans="1:8" s="5" customFormat="1">
      <c r="A38" s="49" t="s">
        <v>431</v>
      </c>
      <c r="B38" s="61">
        <v>8596</v>
      </c>
      <c r="C38" s="62">
        <v>71.347129350525535</v>
      </c>
      <c r="D38" s="63">
        <v>0.37445591310394172</v>
      </c>
      <c r="E38" s="296">
        <v>0.23599999999999999</v>
      </c>
      <c r="F38" s="297">
        <v>9.1592834697616834E-3</v>
      </c>
      <c r="G38" s="296">
        <v>0.36099999999999999</v>
      </c>
      <c r="H38" s="297">
        <v>1.0358615532065801E-2</v>
      </c>
    </row>
    <row r="39" spans="1:8" s="5" customFormat="1">
      <c r="A39" s="45" t="s">
        <v>432</v>
      </c>
      <c r="B39" s="54">
        <v>1962</v>
      </c>
      <c r="C39" s="55">
        <v>66.88</v>
      </c>
      <c r="D39" s="56">
        <v>0.82319999999999993</v>
      </c>
      <c r="E39" s="298">
        <v>0.33</v>
      </c>
      <c r="F39" s="295">
        <v>2.1215240474457296E-2</v>
      </c>
      <c r="G39" s="298">
        <v>0.26500000000000001</v>
      </c>
      <c r="H39" s="295">
        <v>1.9918424257417147E-2</v>
      </c>
    </row>
    <row r="40" spans="1:8" s="5" customFormat="1">
      <c r="A40" s="49" t="s">
        <v>433</v>
      </c>
      <c r="B40" s="61">
        <v>128</v>
      </c>
      <c r="C40" s="62">
        <v>68.099999999999994</v>
      </c>
      <c r="D40" s="63">
        <v>2.7439999999999998</v>
      </c>
      <c r="E40" s="296">
        <v>0.23352561036363997</v>
      </c>
      <c r="F40" s="297">
        <v>7.4514539129787796E-2</v>
      </c>
      <c r="G40" s="296">
        <v>0.25274240927694835</v>
      </c>
      <c r="H40" s="297">
        <v>7.6378795892368623E-2</v>
      </c>
    </row>
    <row r="41" spans="1:8" s="5" customFormat="1">
      <c r="A41" s="45" t="s">
        <v>434</v>
      </c>
      <c r="B41" s="54">
        <v>3060</v>
      </c>
      <c r="C41" s="55">
        <v>70.7</v>
      </c>
      <c r="D41" s="56">
        <v>0.62719999999999998</v>
      </c>
      <c r="E41" s="298">
        <v>0.24968562182535489</v>
      </c>
      <c r="F41" s="295">
        <v>1.5645643599287488E-2</v>
      </c>
      <c r="G41" s="298">
        <v>0.34830346164860254</v>
      </c>
      <c r="H41" s="295">
        <v>1.7216491432348872E-2</v>
      </c>
    </row>
    <row r="42" spans="1:8" s="5" customFormat="1">
      <c r="A42" s="49" t="s">
        <v>435</v>
      </c>
      <c r="B42" s="61">
        <v>2472</v>
      </c>
      <c r="C42" s="62">
        <v>72.709999999999994</v>
      </c>
      <c r="D42" s="63">
        <v>0.66639999999999999</v>
      </c>
      <c r="E42" s="296">
        <v>0.21099999999999999</v>
      </c>
      <c r="F42" s="297">
        <v>1.6412918975594777E-2</v>
      </c>
      <c r="G42" s="296">
        <v>0.39</v>
      </c>
      <c r="H42" s="297">
        <v>1.9605934602170121E-2</v>
      </c>
    </row>
    <row r="43" spans="1:8" s="5" customFormat="1">
      <c r="A43" s="45" t="s">
        <v>452</v>
      </c>
      <c r="B43" s="54">
        <v>92</v>
      </c>
      <c r="C43" s="55">
        <v>66.2</v>
      </c>
      <c r="D43" s="56">
        <v>4.0179999999999998</v>
      </c>
      <c r="E43" s="298">
        <v>0.32531459046747402</v>
      </c>
      <c r="F43" s="295">
        <v>9.6171493156876522E-2</v>
      </c>
      <c r="G43" s="298">
        <v>0.31867175195661906</v>
      </c>
      <c r="H43" s="295">
        <v>9.5699829698801267E-2</v>
      </c>
    </row>
    <row r="44" spans="1:8" s="5" customFormat="1">
      <c r="A44" s="49" t="s">
        <v>172</v>
      </c>
      <c r="B44" s="61">
        <v>244</v>
      </c>
      <c r="C44" s="62">
        <v>75.900000000000006</v>
      </c>
      <c r="D44" s="63">
        <v>2.2343999999999999</v>
      </c>
      <c r="E44" s="296">
        <v>0.18300171819374914</v>
      </c>
      <c r="F44" s="297">
        <v>4.9632113261426844E-2</v>
      </c>
      <c r="G44" s="296">
        <v>0.52084759739358044</v>
      </c>
      <c r="H44" s="297">
        <v>6.3446610104485962E-2</v>
      </c>
    </row>
    <row r="45" spans="1:8" s="5" customFormat="1" ht="25.5">
      <c r="A45" s="45" t="s">
        <v>436</v>
      </c>
      <c r="B45" s="54">
        <v>96</v>
      </c>
      <c r="C45" s="55">
        <v>75.900000000000006</v>
      </c>
      <c r="D45" s="56">
        <v>3.8024</v>
      </c>
      <c r="E45" s="298">
        <v>0.15381896198721712</v>
      </c>
      <c r="F45" s="295">
        <v>7.4713920445666201E-2</v>
      </c>
      <c r="G45" s="298">
        <v>0.51522693275304865</v>
      </c>
      <c r="H45" s="295">
        <v>9.995725452457159E-2</v>
      </c>
    </row>
    <row r="46" spans="1:8" s="5" customFormat="1" ht="25.5">
      <c r="A46" s="49" t="s">
        <v>437</v>
      </c>
      <c r="B46" s="61">
        <v>115</v>
      </c>
      <c r="C46" s="62">
        <v>76.400000000000006</v>
      </c>
      <c r="D46" s="63">
        <v>2.8811999999999998</v>
      </c>
      <c r="E46" s="296">
        <v>0.17243266226595519</v>
      </c>
      <c r="F46" s="297">
        <v>7.0957881718875862E-2</v>
      </c>
      <c r="G46" s="296">
        <v>0.48141979334971163</v>
      </c>
      <c r="H46" s="297">
        <v>9.1610720851852137E-2</v>
      </c>
    </row>
    <row r="47" spans="1:8" s="5" customFormat="1">
      <c r="A47" s="45" t="s">
        <v>453</v>
      </c>
      <c r="B47" s="58">
        <v>542</v>
      </c>
      <c r="C47" s="59">
        <v>71.8</v>
      </c>
      <c r="D47" s="60">
        <v>1.4896</v>
      </c>
      <c r="E47" s="294">
        <v>0.23439450955162397</v>
      </c>
      <c r="F47" s="295">
        <v>3.6362398792928526E-2</v>
      </c>
      <c r="G47" s="294">
        <v>0.37827885526768606</v>
      </c>
      <c r="H47" s="295">
        <v>4.1527629051213405E-2</v>
      </c>
    </row>
    <row r="48" spans="1:8" ht="25.5">
      <c r="A48" s="49" t="s">
        <v>438</v>
      </c>
      <c r="B48" s="61">
        <v>82</v>
      </c>
      <c r="C48" s="62">
        <v>71.099999999999994</v>
      </c>
      <c r="D48" s="63">
        <v>3.6259999999999999</v>
      </c>
      <c r="E48" s="296">
        <v>0.32112330445331966</v>
      </c>
      <c r="F48" s="297">
        <v>0.10136518396294109</v>
      </c>
      <c r="G48" s="296">
        <v>0.46444597845529145</v>
      </c>
      <c r="H48" s="297">
        <v>0.10758463764559302</v>
      </c>
    </row>
    <row r="49" spans="1:50" ht="25.5">
      <c r="A49" s="45" t="s">
        <v>439</v>
      </c>
      <c r="B49" s="54">
        <v>79</v>
      </c>
      <c r="C49" s="55">
        <v>75.8</v>
      </c>
      <c r="D49" s="56">
        <v>3.6064000000000003</v>
      </c>
      <c r="E49" s="298">
        <v>7.7713449715409763E-2</v>
      </c>
      <c r="F49" s="295">
        <v>6.5288217824120753E-2</v>
      </c>
      <c r="G49" s="298">
        <v>0.40041737508668113</v>
      </c>
      <c r="H49" s="295">
        <v>0.10777399272321514</v>
      </c>
    </row>
    <row r="50" spans="1:50">
      <c r="A50" s="49" t="s">
        <v>440</v>
      </c>
      <c r="B50" s="61">
        <v>77</v>
      </c>
      <c r="C50" s="62">
        <v>74.7</v>
      </c>
      <c r="D50" s="63">
        <v>3.6064000000000003</v>
      </c>
      <c r="E50" s="296">
        <v>0.15851342547806949</v>
      </c>
      <c r="F50" s="297">
        <v>8.4508712945690637E-2</v>
      </c>
      <c r="G50" s="296">
        <v>0.30022697454155928</v>
      </c>
      <c r="H50" s="297">
        <v>0.1027847010158834</v>
      </c>
    </row>
    <row r="51" spans="1:50">
      <c r="A51" s="57" t="s">
        <v>441</v>
      </c>
      <c r="B51" s="58">
        <v>75</v>
      </c>
      <c r="C51" s="59">
        <v>77.7</v>
      </c>
      <c r="D51" s="60">
        <v>3.7435999999999998</v>
      </c>
      <c r="E51" s="294">
        <v>0.1690290472464876</v>
      </c>
      <c r="F51" s="295">
        <v>8.7517154840043077E-2</v>
      </c>
      <c r="G51" s="294">
        <v>0.54249268614283108</v>
      </c>
      <c r="H51" s="295">
        <v>0.11214199655815214</v>
      </c>
    </row>
    <row r="52" spans="1:50" ht="25.5">
      <c r="A52" s="49" t="s">
        <v>442</v>
      </c>
      <c r="B52" s="61">
        <v>113</v>
      </c>
      <c r="C52" s="62">
        <v>69.5</v>
      </c>
      <c r="D52" s="63">
        <v>3.4299999999999997</v>
      </c>
      <c r="E52" s="296">
        <v>0.33050217102803742</v>
      </c>
      <c r="F52" s="297">
        <v>8.7354532073948624E-2</v>
      </c>
      <c r="G52" s="296">
        <v>0.38563582831122711</v>
      </c>
      <c r="H52" s="297">
        <v>9.0166010390468787E-2</v>
      </c>
    </row>
    <row r="53" spans="1:50">
      <c r="A53" s="57" t="s">
        <v>443</v>
      </c>
      <c r="B53" s="58">
        <v>171</v>
      </c>
      <c r="C53" s="59">
        <v>67.3</v>
      </c>
      <c r="D53" s="60">
        <v>2.9007999999999998</v>
      </c>
      <c r="E53" s="294">
        <v>0.3186079653399515</v>
      </c>
      <c r="F53" s="295">
        <v>7.0683823963200873E-2</v>
      </c>
      <c r="G53" s="294">
        <v>0.32072025054883474</v>
      </c>
      <c r="H53" s="295">
        <v>7.0801338581439888E-2</v>
      </c>
    </row>
    <row r="54" spans="1:50">
      <c r="A54" s="49" t="s">
        <v>455</v>
      </c>
      <c r="B54" s="61">
        <v>148</v>
      </c>
      <c r="C54" s="62">
        <v>75.099999999999994</v>
      </c>
      <c r="D54" s="63">
        <v>2.5676000000000001</v>
      </c>
      <c r="E54" s="296">
        <v>0.17004498921816871</v>
      </c>
      <c r="F54" s="297">
        <v>6.215098597252415E-2</v>
      </c>
      <c r="G54" s="296">
        <v>0.44703250961625424</v>
      </c>
      <c r="H54" s="297">
        <v>8.0678074183227755E-2</v>
      </c>
    </row>
    <row r="55" spans="1:50">
      <c r="A55" s="57" t="s">
        <v>444</v>
      </c>
      <c r="B55" s="58">
        <v>88</v>
      </c>
      <c r="C55" s="59">
        <v>73.400000000000006</v>
      </c>
      <c r="D55" s="60">
        <v>3.2731999999999997</v>
      </c>
      <c r="E55" s="294">
        <v>0.20192390788071404</v>
      </c>
      <c r="F55" s="295">
        <v>8.5645558053214291E-2</v>
      </c>
      <c r="G55" s="294">
        <v>0.4171946675315486</v>
      </c>
      <c r="H55" s="295">
        <v>0.1029407917700139</v>
      </c>
    </row>
    <row r="56" spans="1:50">
      <c r="A56" s="49" t="s">
        <v>454</v>
      </c>
      <c r="B56" s="61">
        <v>255</v>
      </c>
      <c r="C56" s="62">
        <v>71.8</v>
      </c>
      <c r="D56" s="63">
        <v>2.0775999999999999</v>
      </c>
      <c r="E56" s="296">
        <v>0.23045732617090856</v>
      </c>
      <c r="F56" s="297">
        <v>5.2662476487279203E-2</v>
      </c>
      <c r="G56" s="296">
        <v>0.36626311929594002</v>
      </c>
      <c r="H56" s="297">
        <v>5.994368402673516E-2</v>
      </c>
    </row>
    <row r="57" spans="1:50" ht="25.5">
      <c r="A57" s="57" t="s">
        <v>445</v>
      </c>
      <c r="B57" s="58">
        <v>111</v>
      </c>
      <c r="C57" s="59">
        <v>73.8</v>
      </c>
      <c r="D57" s="60">
        <v>3.1164000000000001</v>
      </c>
      <c r="E57" s="294">
        <v>0.18450717475646325</v>
      </c>
      <c r="F57" s="295">
        <v>7.3960760483059163E-2</v>
      </c>
      <c r="G57" s="294">
        <v>0.45290341773772591</v>
      </c>
      <c r="H57" s="295">
        <v>9.2864282497429645E-2</v>
      </c>
    </row>
    <row r="58" spans="1:50">
      <c r="A58" s="49" t="s">
        <v>471</v>
      </c>
      <c r="B58" s="61">
        <v>89</v>
      </c>
      <c r="C58" s="62">
        <v>72.8</v>
      </c>
      <c r="D58" s="63">
        <v>3.1947999999999999</v>
      </c>
      <c r="E58" s="296">
        <v>0.1508986877105051</v>
      </c>
      <c r="F58" s="297">
        <v>7.7149877755825089E-2</v>
      </c>
      <c r="G58" s="296">
        <v>0.27384990098441081</v>
      </c>
      <c r="H58" s="297">
        <v>9.347784346967751E-2</v>
      </c>
    </row>
    <row r="59" spans="1:50" s="5" customFormat="1" ht="25.5">
      <c r="A59" s="57" t="s">
        <v>442</v>
      </c>
      <c r="B59" s="58">
        <v>113</v>
      </c>
      <c r="C59" s="59">
        <v>69.5</v>
      </c>
      <c r="D59" s="60">
        <v>3.4299999999999997</v>
      </c>
      <c r="E59" s="294">
        <v>0.33050217102803742</v>
      </c>
      <c r="F59" s="295">
        <v>8.7354532073948624E-2</v>
      </c>
      <c r="G59" s="294">
        <v>0.38563582831122711</v>
      </c>
      <c r="H59" s="295">
        <v>9.0166010390468787E-2</v>
      </c>
    </row>
    <row r="61" spans="1:50" ht="18.75">
      <c r="A61" s="367" t="s">
        <v>32</v>
      </c>
      <c r="B61" s="367"/>
      <c r="C61" s="367"/>
      <c r="D61" s="367"/>
      <c r="E61" s="367"/>
      <c r="F61" s="367"/>
      <c r="G61" s="367"/>
      <c r="H61" s="367"/>
      <c r="I61" s="367"/>
      <c r="J61" s="367"/>
      <c r="K61" s="367"/>
      <c r="L61" s="367"/>
      <c r="M61" s="367"/>
      <c r="N61" s="367"/>
      <c r="O61" s="367"/>
      <c r="P61" s="367"/>
      <c r="Q61" s="367"/>
      <c r="R61" s="367"/>
      <c r="S61" s="367"/>
      <c r="T61" s="367"/>
      <c r="U61" s="367"/>
      <c r="V61" s="367"/>
      <c r="W61" s="367"/>
      <c r="X61" s="367"/>
      <c r="Y61" s="367"/>
      <c r="Z61" s="367"/>
      <c r="AA61" s="367"/>
      <c r="AB61" s="367"/>
      <c r="AC61" s="367"/>
      <c r="AD61" s="367"/>
      <c r="AE61" s="367"/>
      <c r="AF61" s="367"/>
      <c r="AG61" s="367"/>
      <c r="AH61" s="367"/>
      <c r="AI61" s="367"/>
      <c r="AJ61" s="367"/>
      <c r="AK61" s="367"/>
      <c r="AL61" s="367"/>
      <c r="AM61" s="367"/>
      <c r="AN61" s="367"/>
      <c r="AO61" s="367"/>
      <c r="AP61" s="367"/>
      <c r="AQ61" s="367"/>
      <c r="AR61" s="367"/>
      <c r="AS61" s="367"/>
      <c r="AT61" s="367"/>
      <c r="AU61" s="367"/>
      <c r="AV61" s="367"/>
      <c r="AW61" s="367"/>
      <c r="AX61" s="367"/>
    </row>
    <row r="62" spans="1:50" ht="70.5" customHeight="1">
      <c r="A62" s="366" t="s">
        <v>93</v>
      </c>
      <c r="B62" s="366"/>
      <c r="C62" s="366"/>
      <c r="D62" s="366"/>
      <c r="E62" s="366"/>
      <c r="F62" s="366"/>
      <c r="G62" s="366"/>
      <c r="H62" s="366"/>
      <c r="I62" s="366"/>
      <c r="J62" s="366"/>
      <c r="K62" s="366"/>
      <c r="L62" s="366"/>
      <c r="M62" s="366"/>
      <c r="N62" s="366"/>
      <c r="O62" s="366"/>
      <c r="P62" s="366"/>
      <c r="Q62" s="366"/>
      <c r="R62" s="366"/>
      <c r="S62" s="366"/>
      <c r="T62" s="366"/>
      <c r="U62" s="366"/>
      <c r="V62" s="366"/>
      <c r="W62" s="366"/>
      <c r="X62" s="366"/>
      <c r="Y62" s="366"/>
      <c r="Z62" s="366"/>
      <c r="AA62" s="366"/>
      <c r="AB62" s="366"/>
      <c r="AC62" s="366"/>
      <c r="AD62" s="366"/>
      <c r="AE62" s="366"/>
      <c r="AF62" s="366"/>
      <c r="AG62" s="366"/>
      <c r="AH62" s="366"/>
      <c r="AI62" s="366"/>
      <c r="AJ62" s="366"/>
      <c r="AK62" s="366"/>
      <c r="AL62" s="366"/>
      <c r="AM62" s="366"/>
      <c r="AN62" s="366"/>
      <c r="AO62" s="366"/>
      <c r="AP62" s="366"/>
      <c r="AQ62" s="366"/>
      <c r="AR62" s="366"/>
      <c r="AS62" s="366"/>
      <c r="AT62" s="366"/>
      <c r="AU62" s="366"/>
      <c r="AV62" s="366"/>
      <c r="AW62" s="366"/>
      <c r="AX62" s="366"/>
    </row>
    <row r="63" spans="1:50" ht="32.25" customHeight="1">
      <c r="A63" s="64" t="s">
        <v>94</v>
      </c>
      <c r="B63" s="363" t="s">
        <v>95</v>
      </c>
      <c r="C63" s="364"/>
      <c r="D63" s="364"/>
      <c r="E63" s="364"/>
      <c r="F63" s="364"/>
      <c r="G63" s="364"/>
      <c r="H63" s="365"/>
      <c r="I63" s="363" t="s">
        <v>415</v>
      </c>
      <c r="J63" s="364"/>
      <c r="K63" s="364"/>
      <c r="L63" s="364"/>
      <c r="M63" s="364"/>
      <c r="N63" s="364"/>
      <c r="O63" s="365"/>
      <c r="P63" s="363" t="s">
        <v>416</v>
      </c>
      <c r="Q63" s="364"/>
      <c r="R63" s="364"/>
      <c r="S63" s="364"/>
      <c r="T63" s="364"/>
      <c r="U63" s="364"/>
      <c r="V63" s="365"/>
      <c r="W63" s="363" t="s">
        <v>96</v>
      </c>
      <c r="X63" s="364"/>
      <c r="Y63" s="364"/>
      <c r="Z63" s="364"/>
      <c r="AA63" s="364"/>
      <c r="AB63" s="364"/>
      <c r="AC63" s="365"/>
      <c r="AD63" s="363" t="s">
        <v>97</v>
      </c>
      <c r="AE63" s="364"/>
      <c r="AF63" s="364"/>
      <c r="AG63" s="364"/>
      <c r="AH63" s="364"/>
      <c r="AI63" s="364"/>
      <c r="AJ63" s="365"/>
      <c r="AK63" s="363" t="s">
        <v>98</v>
      </c>
      <c r="AL63" s="364"/>
      <c r="AM63" s="364"/>
      <c r="AN63" s="364"/>
      <c r="AO63" s="364"/>
      <c r="AP63" s="364"/>
      <c r="AQ63" s="365"/>
      <c r="AR63" s="363" t="s">
        <v>99</v>
      </c>
      <c r="AS63" s="364"/>
      <c r="AT63" s="364"/>
      <c r="AU63" s="364"/>
      <c r="AV63" s="364"/>
      <c r="AW63" s="364"/>
      <c r="AX63" s="365"/>
    </row>
    <row r="64" spans="1:50" ht="43.5" customHeight="1">
      <c r="A64" s="37" t="s">
        <v>85</v>
      </c>
      <c r="B64" s="38" t="s">
        <v>86</v>
      </c>
      <c r="C64" s="39" t="s">
        <v>87</v>
      </c>
      <c r="D64" s="40" t="s">
        <v>88</v>
      </c>
      <c r="E64" s="39" t="s">
        <v>409</v>
      </c>
      <c r="F64" s="40" t="s">
        <v>413</v>
      </c>
      <c r="G64" s="39" t="s">
        <v>411</v>
      </c>
      <c r="H64" s="40" t="s">
        <v>414</v>
      </c>
      <c r="I64" s="65" t="s">
        <v>86</v>
      </c>
      <c r="J64" s="66" t="s">
        <v>87</v>
      </c>
      <c r="K64" s="67" t="s">
        <v>88</v>
      </c>
      <c r="L64" s="66" t="s">
        <v>409</v>
      </c>
      <c r="M64" s="67" t="s">
        <v>413</v>
      </c>
      <c r="N64" s="66" t="s">
        <v>411</v>
      </c>
      <c r="O64" s="67" t="s">
        <v>414</v>
      </c>
      <c r="P64" s="38" t="s">
        <v>86</v>
      </c>
      <c r="Q64" s="39" t="s">
        <v>87</v>
      </c>
      <c r="R64" s="40" t="s">
        <v>88</v>
      </c>
      <c r="S64" s="39" t="s">
        <v>409</v>
      </c>
      <c r="T64" s="40" t="s">
        <v>413</v>
      </c>
      <c r="U64" s="39" t="s">
        <v>411</v>
      </c>
      <c r="V64" s="40" t="s">
        <v>414</v>
      </c>
      <c r="W64" s="65" t="s">
        <v>86</v>
      </c>
      <c r="X64" s="66" t="s">
        <v>87</v>
      </c>
      <c r="Y64" s="67" t="s">
        <v>88</v>
      </c>
      <c r="Z64" s="66" t="s">
        <v>409</v>
      </c>
      <c r="AA64" s="67" t="s">
        <v>413</v>
      </c>
      <c r="AB64" s="66" t="s">
        <v>411</v>
      </c>
      <c r="AC64" s="67" t="s">
        <v>414</v>
      </c>
      <c r="AD64" s="38" t="s">
        <v>86</v>
      </c>
      <c r="AE64" s="39" t="s">
        <v>87</v>
      </c>
      <c r="AF64" s="40" t="s">
        <v>88</v>
      </c>
      <c r="AG64" s="39" t="s">
        <v>409</v>
      </c>
      <c r="AH64" s="40" t="s">
        <v>413</v>
      </c>
      <c r="AI64" s="39" t="s">
        <v>411</v>
      </c>
      <c r="AJ64" s="40" t="s">
        <v>414</v>
      </c>
      <c r="AK64" s="65" t="s">
        <v>86</v>
      </c>
      <c r="AL64" s="66" t="s">
        <v>87</v>
      </c>
      <c r="AM64" s="67" t="s">
        <v>88</v>
      </c>
      <c r="AN64" s="66" t="s">
        <v>409</v>
      </c>
      <c r="AO64" s="67" t="s">
        <v>413</v>
      </c>
      <c r="AP64" s="66" t="s">
        <v>411</v>
      </c>
      <c r="AQ64" s="67" t="s">
        <v>414</v>
      </c>
      <c r="AR64" s="38" t="s">
        <v>86</v>
      </c>
      <c r="AS64" s="39" t="s">
        <v>87</v>
      </c>
      <c r="AT64" s="40" t="s">
        <v>88</v>
      </c>
      <c r="AU64" s="39" t="s">
        <v>409</v>
      </c>
      <c r="AV64" s="40" t="s">
        <v>413</v>
      </c>
      <c r="AW64" s="39" t="s">
        <v>411</v>
      </c>
      <c r="AX64" s="40" t="s">
        <v>414</v>
      </c>
    </row>
    <row r="65" spans="1:50" ht="90" customHeight="1">
      <c r="A65" s="41"/>
      <c r="B65" s="42" t="s">
        <v>89</v>
      </c>
      <c r="C65" s="43" t="s">
        <v>90</v>
      </c>
      <c r="D65" s="44" t="s">
        <v>91</v>
      </c>
      <c r="E65" s="43" t="s">
        <v>410</v>
      </c>
      <c r="F65" s="91" t="s">
        <v>104</v>
      </c>
      <c r="G65" s="43" t="s">
        <v>412</v>
      </c>
      <c r="H65" s="91" t="s">
        <v>104</v>
      </c>
      <c r="I65" s="68" t="s">
        <v>89</v>
      </c>
      <c r="J65" s="69" t="s">
        <v>90</v>
      </c>
      <c r="K65" s="70" t="s">
        <v>91</v>
      </c>
      <c r="L65" s="69" t="s">
        <v>410</v>
      </c>
      <c r="M65" s="70" t="s">
        <v>91</v>
      </c>
      <c r="N65" s="69" t="s">
        <v>412</v>
      </c>
      <c r="O65" s="70" t="s">
        <v>104</v>
      </c>
      <c r="P65" s="42" t="s">
        <v>89</v>
      </c>
      <c r="Q65" s="43" t="s">
        <v>90</v>
      </c>
      <c r="R65" s="44" t="s">
        <v>91</v>
      </c>
      <c r="S65" s="43" t="s">
        <v>410</v>
      </c>
      <c r="T65" s="44" t="s">
        <v>104</v>
      </c>
      <c r="U65" s="43" t="s">
        <v>412</v>
      </c>
      <c r="V65" s="44" t="s">
        <v>104</v>
      </c>
      <c r="W65" s="68" t="s">
        <v>89</v>
      </c>
      <c r="X65" s="69" t="s">
        <v>90</v>
      </c>
      <c r="Y65" s="70" t="s">
        <v>91</v>
      </c>
      <c r="Z65" s="69" t="s">
        <v>410</v>
      </c>
      <c r="AA65" s="70" t="s">
        <v>104</v>
      </c>
      <c r="AB65" s="69" t="s">
        <v>412</v>
      </c>
      <c r="AC65" s="70" t="s">
        <v>104</v>
      </c>
      <c r="AD65" s="42" t="s">
        <v>89</v>
      </c>
      <c r="AE65" s="43" t="s">
        <v>90</v>
      </c>
      <c r="AF65" s="44" t="s">
        <v>91</v>
      </c>
      <c r="AG65" s="43" t="s">
        <v>410</v>
      </c>
      <c r="AH65" s="44" t="s">
        <v>104</v>
      </c>
      <c r="AI65" s="43" t="s">
        <v>412</v>
      </c>
      <c r="AJ65" s="44" t="s">
        <v>104</v>
      </c>
      <c r="AK65" s="68" t="s">
        <v>89</v>
      </c>
      <c r="AL65" s="69" t="s">
        <v>90</v>
      </c>
      <c r="AM65" s="70" t="s">
        <v>91</v>
      </c>
      <c r="AN65" s="69" t="s">
        <v>410</v>
      </c>
      <c r="AO65" s="70" t="s">
        <v>104</v>
      </c>
      <c r="AP65" s="69" t="s">
        <v>412</v>
      </c>
      <c r="AQ65" s="70" t="s">
        <v>104</v>
      </c>
      <c r="AR65" s="42" t="s">
        <v>89</v>
      </c>
      <c r="AS65" s="43" t="s">
        <v>90</v>
      </c>
      <c r="AT65" s="44" t="s">
        <v>91</v>
      </c>
      <c r="AU65" s="43" t="s">
        <v>410</v>
      </c>
      <c r="AV65" s="44" t="s">
        <v>104</v>
      </c>
      <c r="AW65" s="43" t="s">
        <v>412</v>
      </c>
      <c r="AX65" s="44" t="s">
        <v>104</v>
      </c>
    </row>
    <row r="66" spans="1:50">
      <c r="A66" s="45" t="s">
        <v>430</v>
      </c>
      <c r="B66" s="71">
        <v>10766</v>
      </c>
      <c r="C66" s="72">
        <v>73.135428260761017</v>
      </c>
      <c r="D66" s="73">
        <v>0.37240000000000001</v>
      </c>
      <c r="E66" s="301">
        <v>0.20522505740697988</v>
      </c>
      <c r="F66" s="302">
        <v>7.7847615631944592E-3</v>
      </c>
      <c r="G66" s="303">
        <v>0.48888295947074295</v>
      </c>
      <c r="H66" s="302">
        <v>9.6335166845829701E-3</v>
      </c>
      <c r="I66" s="71">
        <v>10748</v>
      </c>
      <c r="J66" s="72">
        <v>67.244438009910041</v>
      </c>
      <c r="K66" s="73">
        <v>0.43119999999999997</v>
      </c>
      <c r="L66" s="301">
        <v>0.29288641574317659</v>
      </c>
      <c r="M66" s="302">
        <v>8.7783527455123182E-3</v>
      </c>
      <c r="N66" s="303">
        <v>0.37098466872147023</v>
      </c>
      <c r="O66" s="302">
        <v>9.317630550416553E-3</v>
      </c>
      <c r="P66" s="71">
        <v>10706</v>
      </c>
      <c r="Q66" s="72">
        <v>66.708067282196211</v>
      </c>
      <c r="R66" s="73">
        <v>0.43119999999999997</v>
      </c>
      <c r="S66" s="301">
        <v>0.30939327802456323</v>
      </c>
      <c r="T66" s="302">
        <v>8.9337474383294809E-3</v>
      </c>
      <c r="U66" s="303">
        <v>0.37713076216647812</v>
      </c>
      <c r="V66" s="302">
        <v>9.3667753238603733E-3</v>
      </c>
      <c r="W66" s="71">
        <v>10727</v>
      </c>
      <c r="X66" s="72">
        <v>72.249166577051611</v>
      </c>
      <c r="Y66" s="73">
        <v>0.45080000000000003</v>
      </c>
      <c r="Z66" s="301">
        <v>0.24613325917532536</v>
      </c>
      <c r="AA66" s="302">
        <v>8.3176099636993687E-3</v>
      </c>
      <c r="AB66" s="303">
        <v>0.50729486023454118</v>
      </c>
      <c r="AC66" s="302">
        <v>9.652364421046453E-3</v>
      </c>
      <c r="AD66" s="71">
        <v>10744</v>
      </c>
      <c r="AE66" s="72">
        <v>76.90012075999887</v>
      </c>
      <c r="AF66" s="73">
        <v>0.39200000000000002</v>
      </c>
      <c r="AG66" s="301">
        <v>0.17387008807585744</v>
      </c>
      <c r="AH66" s="302">
        <v>7.3134517920980168E-3</v>
      </c>
      <c r="AI66" s="303">
        <v>0.58217472179114405</v>
      </c>
      <c r="AJ66" s="302">
        <v>9.5146908201943509E-3</v>
      </c>
      <c r="AK66" s="71">
        <v>10731</v>
      </c>
      <c r="AL66" s="72">
        <v>66.261620619360528</v>
      </c>
      <c r="AM66" s="73">
        <v>0.47039999999999998</v>
      </c>
      <c r="AN66" s="301">
        <v>0.33457951537585506</v>
      </c>
      <c r="AO66" s="302">
        <v>9.1084947689733711E-3</v>
      </c>
      <c r="AP66" s="303">
        <v>0.37200657019711392</v>
      </c>
      <c r="AQ66" s="302">
        <v>9.3302476626240857E-3</v>
      </c>
      <c r="AR66" s="71">
        <v>10727</v>
      </c>
      <c r="AS66" s="72">
        <v>65.772635405535141</v>
      </c>
      <c r="AT66" s="73">
        <v>0.47039999999999998</v>
      </c>
      <c r="AU66" s="301">
        <v>0.34369699703039691</v>
      </c>
      <c r="AV66" s="302">
        <v>9.1699610686267127E-3</v>
      </c>
      <c r="AW66" s="303">
        <v>0.38301445633193187</v>
      </c>
      <c r="AX66" s="302">
        <v>9.3856498650825883E-3</v>
      </c>
    </row>
    <row r="67" spans="1:50" s="5" customFormat="1">
      <c r="A67" s="49" t="s">
        <v>431</v>
      </c>
      <c r="B67" s="74">
        <v>8631</v>
      </c>
      <c r="C67" s="75">
        <v>74.7</v>
      </c>
      <c r="D67" s="76">
        <v>0.86009789626306943</v>
      </c>
      <c r="E67" s="304">
        <v>0.17586983603405243</v>
      </c>
      <c r="F67" s="305">
        <v>8.1966832363148008E-3</v>
      </c>
      <c r="G67" s="306">
        <v>0.53085617451249889</v>
      </c>
      <c r="H67" s="305">
        <v>1.0740908888076038E-2</v>
      </c>
      <c r="I67" s="74">
        <v>8613</v>
      </c>
      <c r="J67" s="75">
        <v>67.3</v>
      </c>
      <c r="K67" s="76">
        <v>0.48193448647016601</v>
      </c>
      <c r="L67" s="304">
        <v>0.29217886064190407</v>
      </c>
      <c r="M67" s="305">
        <v>9.7989647790480815E-3</v>
      </c>
      <c r="N67" s="306">
        <v>0.38767625270226186</v>
      </c>
      <c r="O67" s="305">
        <v>1.0497546618219396E-2</v>
      </c>
      <c r="P67" s="74">
        <v>8573</v>
      </c>
      <c r="Q67" s="75">
        <v>68.2</v>
      </c>
      <c r="R67" s="76">
        <v>0.49818328050476535</v>
      </c>
      <c r="S67" s="304">
        <v>0.28572427394142869</v>
      </c>
      <c r="T67" s="305">
        <v>9.7569562106019202E-3</v>
      </c>
      <c r="U67" s="306">
        <v>0.41204099339409267</v>
      </c>
      <c r="V67" s="305">
        <v>1.0629491615611822E-2</v>
      </c>
      <c r="W67" s="74">
        <v>8597</v>
      </c>
      <c r="X67" s="75">
        <v>73.900000000000006</v>
      </c>
      <c r="Y67" s="76">
        <v>0.53157993772949064</v>
      </c>
      <c r="Z67" s="304">
        <v>0.22784727349514175</v>
      </c>
      <c r="AA67" s="305">
        <v>9.0471968192979112E-3</v>
      </c>
      <c r="AB67" s="306">
        <v>0.54810613424163757</v>
      </c>
      <c r="AC67" s="305">
        <v>1.0732674611188835E-2</v>
      </c>
      <c r="AD67" s="74">
        <v>8608</v>
      </c>
      <c r="AE67" s="75">
        <v>79.900000000000006</v>
      </c>
      <c r="AF67" s="76">
        <v>0.41785688438405927</v>
      </c>
      <c r="AG67" s="304">
        <v>0.13214380541779616</v>
      </c>
      <c r="AH67" s="305">
        <v>7.3023576826835492E-3</v>
      </c>
      <c r="AI67" s="306">
        <v>0.65143159250061433</v>
      </c>
      <c r="AJ67" s="305">
        <v>1.0270149607307251E-2</v>
      </c>
      <c r="AK67" s="74">
        <v>8599</v>
      </c>
      <c r="AL67" s="75">
        <v>67.904732219742087</v>
      </c>
      <c r="AM67" s="76">
        <v>0.52990660255985966</v>
      </c>
      <c r="AN67" s="304">
        <v>0.30692797835391811</v>
      </c>
      <c r="AO67" s="305">
        <v>9.9459857142682826E-3</v>
      </c>
      <c r="AP67" s="306">
        <v>0.4177179721608541</v>
      </c>
      <c r="AQ67" s="305">
        <v>1.0634545333156572E-2</v>
      </c>
      <c r="AR67" s="74">
        <v>8596</v>
      </c>
      <c r="AS67" s="75">
        <v>66.794773861409993</v>
      </c>
      <c r="AT67" s="76">
        <v>0.55093223520780721</v>
      </c>
      <c r="AU67" s="304">
        <v>0.33223827389589</v>
      </c>
      <c r="AV67" s="305">
        <v>1.0158789930415715E-2</v>
      </c>
      <c r="AW67" s="306">
        <v>0.42084903614586078</v>
      </c>
      <c r="AX67" s="305">
        <v>1.0647435576317366E-2</v>
      </c>
    </row>
    <row r="68" spans="1:50" s="5" customFormat="1">
      <c r="A68" s="45" t="s">
        <v>432</v>
      </c>
      <c r="B68" s="54">
        <v>1969</v>
      </c>
      <c r="C68" s="55">
        <v>69.8</v>
      </c>
      <c r="D68" s="56">
        <v>0.98</v>
      </c>
      <c r="E68" s="298">
        <v>0.27200000000000002</v>
      </c>
      <c r="F68" s="307">
        <v>2.0046907378907096E-2</v>
      </c>
      <c r="G68" s="298">
        <v>0.39700000000000002</v>
      </c>
      <c r="H68" s="307">
        <v>2.2032274769443777E-2</v>
      </c>
      <c r="I68" s="54">
        <v>1969</v>
      </c>
      <c r="J68" s="55">
        <v>67.099999999999994</v>
      </c>
      <c r="K68" s="56">
        <v>0.98</v>
      </c>
      <c r="L68" s="298">
        <v>0.29499999999999998</v>
      </c>
      <c r="M68" s="307">
        <v>2.054232907135875E-2</v>
      </c>
      <c r="N68" s="298">
        <v>0.33600000000000002</v>
      </c>
      <c r="O68" s="307">
        <v>2.1272872760411617E-2</v>
      </c>
      <c r="P68" s="54">
        <v>1965</v>
      </c>
      <c r="Q68" s="55">
        <v>63.7</v>
      </c>
      <c r="R68" s="56">
        <v>0.98</v>
      </c>
      <c r="S68" s="298">
        <v>0.36199999999999999</v>
      </c>
      <c r="T68" s="307">
        <v>2.1664288239265389E-2</v>
      </c>
      <c r="U68" s="298">
        <v>0.29599999999999999</v>
      </c>
      <c r="V68" s="307">
        <v>2.0583312508429628E-2</v>
      </c>
      <c r="W68" s="54">
        <v>1964</v>
      </c>
      <c r="X68" s="55">
        <v>69.599999999999994</v>
      </c>
      <c r="Y68" s="56">
        <v>1.1759999999999999</v>
      </c>
      <c r="Z68" s="298">
        <v>0.28299999999999997</v>
      </c>
      <c r="AA68" s="307">
        <v>2.0317711453690449E-2</v>
      </c>
      <c r="AB68" s="298">
        <v>0.42499999999999999</v>
      </c>
      <c r="AC68" s="307">
        <v>2.2287745120421008E-2</v>
      </c>
      <c r="AD68" s="54">
        <v>1970</v>
      </c>
      <c r="AE68" s="55">
        <v>72.900000000000006</v>
      </c>
      <c r="AF68" s="56">
        <v>0.98</v>
      </c>
      <c r="AG68" s="298">
        <v>0.22900000000000001</v>
      </c>
      <c r="AH68" s="307">
        <v>1.8930702384304169E-2</v>
      </c>
      <c r="AI68" s="298">
        <v>0.47899999999999998</v>
      </c>
      <c r="AJ68" s="307">
        <v>2.2487676932628646E-2</v>
      </c>
      <c r="AK68" s="54">
        <v>1968</v>
      </c>
      <c r="AL68" s="55">
        <v>61.6</v>
      </c>
      <c r="AM68" s="56">
        <v>0.98</v>
      </c>
      <c r="AN68" s="298">
        <v>0.40699999999999997</v>
      </c>
      <c r="AO68" s="307">
        <v>2.2127514085083181E-2</v>
      </c>
      <c r="AP68" s="298">
        <v>0.252</v>
      </c>
      <c r="AQ68" s="307">
        <v>1.9566563776093275E-2</v>
      </c>
      <c r="AR68" s="54">
        <v>1965</v>
      </c>
      <c r="AS68" s="55">
        <v>63.4</v>
      </c>
      <c r="AT68" s="56">
        <v>1.1759999999999999</v>
      </c>
      <c r="AU68" s="298">
        <v>0.377</v>
      </c>
      <c r="AV68" s="307">
        <v>2.1846335609011686E-2</v>
      </c>
      <c r="AW68" s="298">
        <v>0.30399999999999999</v>
      </c>
      <c r="AX68" s="307">
        <v>2.0739988669619021E-2</v>
      </c>
    </row>
    <row r="69" spans="1:50" s="5" customFormat="1">
      <c r="A69" s="49" t="s">
        <v>433</v>
      </c>
      <c r="B69" s="74">
        <v>130</v>
      </c>
      <c r="C69" s="75">
        <v>74.20871347534576</v>
      </c>
      <c r="D69" s="76">
        <v>3.0968</v>
      </c>
      <c r="E69" s="304">
        <v>0.18747091687882209</v>
      </c>
      <c r="F69" s="305">
        <v>6.8691359655901243E-2</v>
      </c>
      <c r="G69" s="306">
        <v>0.46824183089365778</v>
      </c>
      <c r="H69" s="305">
        <v>8.6222678353254631E-2</v>
      </c>
      <c r="I69" s="74">
        <v>131</v>
      </c>
      <c r="J69" s="75">
        <v>65.495049547322793</v>
      </c>
      <c r="K69" s="76">
        <v>3.9592000000000001</v>
      </c>
      <c r="L69" s="304">
        <v>0.304466838650364</v>
      </c>
      <c r="M69" s="305">
        <v>7.9628561678203813E-2</v>
      </c>
      <c r="N69" s="306">
        <v>0.35158111833853123</v>
      </c>
      <c r="O69" s="305">
        <v>8.2418600816512283E-2</v>
      </c>
      <c r="P69" s="74">
        <v>131</v>
      </c>
      <c r="Q69" s="75">
        <v>63.775613429367027</v>
      </c>
      <c r="R69" s="76">
        <v>3.9003999999999999</v>
      </c>
      <c r="S69" s="304">
        <v>0.31818264519973238</v>
      </c>
      <c r="T69" s="305">
        <v>8.0530168026741275E-2</v>
      </c>
      <c r="U69" s="306">
        <v>0.28524786396317697</v>
      </c>
      <c r="V69" s="305">
        <v>7.8234969717011382E-2</v>
      </c>
      <c r="W69" s="74">
        <v>130</v>
      </c>
      <c r="X69" s="75">
        <v>69.254806741952493</v>
      </c>
      <c r="Y69" s="76">
        <v>3.92</v>
      </c>
      <c r="Z69" s="304">
        <v>0.28047439218770109</v>
      </c>
      <c r="AA69" s="305">
        <v>7.8158405873773498E-2</v>
      </c>
      <c r="AB69" s="306">
        <v>0.43196964418084177</v>
      </c>
      <c r="AC69" s="305">
        <v>8.5630942402571034E-2</v>
      </c>
      <c r="AD69" s="74">
        <v>132</v>
      </c>
      <c r="AE69" s="75">
        <v>77.681338293649802</v>
      </c>
      <c r="AF69" s="76">
        <v>3.1947999999999999</v>
      </c>
      <c r="AG69" s="304">
        <v>0.14381520950345261</v>
      </c>
      <c r="AH69" s="305">
        <v>6.1950038752492824E-2</v>
      </c>
      <c r="AI69" s="306">
        <v>0.60166864222122363</v>
      </c>
      <c r="AJ69" s="305">
        <v>8.4062752424142892E-2</v>
      </c>
      <c r="AK69" s="74">
        <v>130</v>
      </c>
      <c r="AL69" s="75">
        <v>60.699765907409528</v>
      </c>
      <c r="AM69" s="76">
        <v>3.9787999999999997</v>
      </c>
      <c r="AN69" s="304">
        <v>0.42002883279291398</v>
      </c>
      <c r="AO69" s="305">
        <v>8.5340534345664215E-2</v>
      </c>
      <c r="AP69" s="306">
        <v>0.19673546404897857</v>
      </c>
      <c r="AQ69" s="305">
        <v>6.9848317436366519E-2</v>
      </c>
      <c r="AR69" s="74">
        <v>128</v>
      </c>
      <c r="AS69" s="75">
        <v>63.587880080166684</v>
      </c>
      <c r="AT69" s="76">
        <v>4.3315999999999999</v>
      </c>
      <c r="AU69" s="304">
        <v>0.34379868083191134</v>
      </c>
      <c r="AV69" s="305">
        <v>8.2948954982177067E-2</v>
      </c>
      <c r="AW69" s="306">
        <v>0.28315903248325663</v>
      </c>
      <c r="AX69" s="305">
        <v>7.8968063137801275E-2</v>
      </c>
    </row>
    <row r="70" spans="1:50" s="5" customFormat="1">
      <c r="A70" s="45" t="s">
        <v>434</v>
      </c>
      <c r="B70" s="54">
        <v>3062</v>
      </c>
      <c r="C70" s="55">
        <v>74.165992351447272</v>
      </c>
      <c r="D70" s="56">
        <v>0.7056</v>
      </c>
      <c r="E70" s="298">
        <v>0.19336708819138235</v>
      </c>
      <c r="F70" s="307">
        <v>1.4276252640755206E-2</v>
      </c>
      <c r="G70" s="298">
        <v>0.50938504952897545</v>
      </c>
      <c r="H70" s="307">
        <v>1.8056667721562121E-2</v>
      </c>
      <c r="I70" s="54">
        <v>3061</v>
      </c>
      <c r="J70" s="55">
        <v>67.838089848697294</v>
      </c>
      <c r="K70" s="56">
        <v>0.78400000000000003</v>
      </c>
      <c r="L70" s="298">
        <v>0.29367407721509703</v>
      </c>
      <c r="M70" s="307">
        <v>1.6457594116803947E-2</v>
      </c>
      <c r="N70" s="298">
        <v>0.38182868932220598</v>
      </c>
      <c r="O70" s="307">
        <v>1.7552418492906983E-2</v>
      </c>
      <c r="P70" s="54">
        <v>3055</v>
      </c>
      <c r="Q70" s="55">
        <v>68.241762154924757</v>
      </c>
      <c r="R70" s="56">
        <v>0.80359999999999998</v>
      </c>
      <c r="S70" s="298">
        <v>0.28607506074999911</v>
      </c>
      <c r="T70" s="307">
        <v>1.6346834360337664E-2</v>
      </c>
      <c r="U70" s="298">
        <v>0.4003397068620772</v>
      </c>
      <c r="V70" s="307">
        <v>1.7718653499944063E-2</v>
      </c>
      <c r="W70" s="54">
        <v>3051</v>
      </c>
      <c r="X70" s="55">
        <v>72.573074718624042</v>
      </c>
      <c r="Y70" s="56">
        <v>0.84279999999999999</v>
      </c>
      <c r="Z70" s="298">
        <v>0.24612343860653157</v>
      </c>
      <c r="AA70" s="307">
        <v>1.5593668707566285E-2</v>
      </c>
      <c r="AB70" s="298">
        <v>0.50954283127608613</v>
      </c>
      <c r="AC70" s="307">
        <v>1.8089038653034212E-2</v>
      </c>
      <c r="AD70" s="54">
        <v>3058</v>
      </c>
      <c r="AE70" s="55">
        <v>77.73400843382538</v>
      </c>
      <c r="AF70" s="56">
        <v>0.7056</v>
      </c>
      <c r="AG70" s="298">
        <v>0.17395699830794042</v>
      </c>
      <c r="AH70" s="307">
        <v>1.371414413666765E-2</v>
      </c>
      <c r="AI70" s="298">
        <v>0.59988210119369645</v>
      </c>
      <c r="AJ70" s="307">
        <v>1.7708342308178703E-2</v>
      </c>
      <c r="AK70" s="54">
        <v>3058</v>
      </c>
      <c r="AL70" s="55">
        <v>67.215784659205738</v>
      </c>
      <c r="AM70" s="56">
        <v>0.86239999999999994</v>
      </c>
      <c r="AN70" s="298">
        <v>0.31973152434639923</v>
      </c>
      <c r="AO70" s="307">
        <v>1.6859511887132021E-2</v>
      </c>
      <c r="AP70" s="298">
        <v>0.38419304726042752</v>
      </c>
      <c r="AQ70" s="307">
        <v>1.7581526659779082E-2</v>
      </c>
      <c r="AR70" s="54">
        <v>3059</v>
      </c>
      <c r="AS70" s="55">
        <v>66.712177502530238</v>
      </c>
      <c r="AT70" s="56">
        <v>0.90160000000000007</v>
      </c>
      <c r="AU70" s="298">
        <v>0.32915207742284508</v>
      </c>
      <c r="AV70" s="307">
        <v>1.6984069045380565E-2</v>
      </c>
      <c r="AW70" s="298">
        <v>0.39332712454056468</v>
      </c>
      <c r="AX70" s="307">
        <v>1.7653782070635067E-2</v>
      </c>
    </row>
    <row r="71" spans="1:50" s="5" customFormat="1">
      <c r="A71" s="49" t="s">
        <v>435</v>
      </c>
      <c r="B71" s="74">
        <v>2473</v>
      </c>
      <c r="C71" s="75">
        <v>76.95</v>
      </c>
      <c r="D71" s="76">
        <v>0.78400000000000003</v>
      </c>
      <c r="E71" s="304">
        <v>0.13800000000000001</v>
      </c>
      <c r="F71" s="305">
        <v>1.3884516653707282E-2</v>
      </c>
      <c r="G71" s="306">
        <v>0.56799999999999995</v>
      </c>
      <c r="H71" s="305">
        <v>1.9906560983348375E-2</v>
      </c>
      <c r="I71" s="74">
        <v>2473</v>
      </c>
      <c r="J71" s="75">
        <v>68.3</v>
      </c>
      <c r="K71" s="76">
        <v>0.78400000000000003</v>
      </c>
      <c r="L71" s="304">
        <v>0.28799999999999998</v>
      </c>
      <c r="M71" s="305">
        <v>1.8203578464926692E-2</v>
      </c>
      <c r="N71" s="306">
        <v>0.40899999999999997</v>
      </c>
      <c r="O71" s="305">
        <v>1.97581552041537E-2</v>
      </c>
      <c r="P71" s="74">
        <v>2466</v>
      </c>
      <c r="Q71" s="75">
        <v>70.72</v>
      </c>
      <c r="R71" s="76">
        <v>0.78400000000000003</v>
      </c>
      <c r="S71" s="304">
        <v>0.24399999999999999</v>
      </c>
      <c r="T71" s="305">
        <v>1.7293657561767973E-2</v>
      </c>
      <c r="U71" s="306">
        <v>0.45600000000000002</v>
      </c>
      <c r="V71" s="305">
        <v>2.0043283744639102E-2</v>
      </c>
      <c r="W71" s="74">
        <v>2464</v>
      </c>
      <c r="X71" s="75">
        <v>74.97</v>
      </c>
      <c r="Y71" s="76">
        <v>0.98</v>
      </c>
      <c r="Z71" s="304">
        <v>0.217</v>
      </c>
      <c r="AA71" s="305">
        <v>1.6607315048762509E-2</v>
      </c>
      <c r="AB71" s="306">
        <v>0.56599999999999995</v>
      </c>
      <c r="AC71" s="305">
        <v>1.995367846862095E-2</v>
      </c>
      <c r="AD71" s="74">
        <v>2469</v>
      </c>
      <c r="AE71" s="75">
        <v>80.33</v>
      </c>
      <c r="AF71" s="76">
        <v>0.78400000000000003</v>
      </c>
      <c r="AG71" s="304">
        <v>0.13800000000000001</v>
      </c>
      <c r="AH71" s="305">
        <v>1.3895780779622235E-2</v>
      </c>
      <c r="AI71" s="306">
        <v>0.66</v>
      </c>
      <c r="AJ71" s="305">
        <v>1.9055020572287862E-2</v>
      </c>
      <c r="AK71" s="74">
        <v>2469</v>
      </c>
      <c r="AL71" s="75">
        <v>69.5</v>
      </c>
      <c r="AM71" s="76">
        <v>0.98</v>
      </c>
      <c r="AN71" s="304">
        <v>0.28199999999999997</v>
      </c>
      <c r="AO71" s="305">
        <v>1.8103785478500133E-2</v>
      </c>
      <c r="AP71" s="306">
        <v>0.443</v>
      </c>
      <c r="AQ71" s="305">
        <v>1.9978213034590964E-2</v>
      </c>
      <c r="AR71" s="74">
        <v>2471</v>
      </c>
      <c r="AS71" s="75">
        <v>68.069999999999993</v>
      </c>
      <c r="AT71" s="76">
        <v>0.98</v>
      </c>
      <c r="AU71" s="304">
        <v>0.312</v>
      </c>
      <c r="AV71" s="305">
        <v>1.8630707828886938E-2</v>
      </c>
      <c r="AW71" s="306">
        <v>0.438</v>
      </c>
      <c r="AX71" s="305">
        <v>1.9946126026138569E-2</v>
      </c>
    </row>
    <row r="72" spans="1:50" s="5" customFormat="1">
      <c r="A72" s="45" t="s">
        <v>452</v>
      </c>
      <c r="B72" s="54">
        <v>91</v>
      </c>
      <c r="C72" s="55">
        <v>72.008688406580148</v>
      </c>
      <c r="D72" s="56">
        <v>4.2336</v>
      </c>
      <c r="E72" s="298">
        <v>0.23601149432451504</v>
      </c>
      <c r="F72" s="307">
        <v>8.8509326213107517E-2</v>
      </c>
      <c r="G72" s="298">
        <v>0.46663972512081381</v>
      </c>
      <c r="H72" s="307">
        <v>0.10238808269488935</v>
      </c>
      <c r="I72" s="54">
        <v>92</v>
      </c>
      <c r="J72" s="55">
        <v>66.04093972863771</v>
      </c>
      <c r="K72" s="56">
        <v>4.5471999999999992</v>
      </c>
      <c r="L72" s="298">
        <v>0.31523906822917036</v>
      </c>
      <c r="M72" s="307">
        <v>9.5448251682748841E-2</v>
      </c>
      <c r="N72" s="298">
        <v>0.28293461023810124</v>
      </c>
      <c r="O72" s="307">
        <v>9.2809676258725202E-2</v>
      </c>
      <c r="P72" s="54">
        <v>92</v>
      </c>
      <c r="Q72" s="55">
        <v>62.365353076684499</v>
      </c>
      <c r="R72" s="56">
        <v>5.4879999999999995</v>
      </c>
      <c r="S72" s="298">
        <v>0.37793086344015508</v>
      </c>
      <c r="T72" s="307">
        <v>9.9229321068845161E-2</v>
      </c>
      <c r="U72" s="298">
        <v>0.33960276885377738</v>
      </c>
      <c r="V72" s="307">
        <v>9.7119342853596552E-2</v>
      </c>
      <c r="W72" s="54">
        <v>91</v>
      </c>
      <c r="X72" s="55">
        <v>70.473249102486847</v>
      </c>
      <c r="Y72" s="56">
        <v>5.2724000000000002</v>
      </c>
      <c r="Z72" s="298">
        <v>0.30171454961444694</v>
      </c>
      <c r="AA72" s="307">
        <v>9.4906955441131965E-2</v>
      </c>
      <c r="AB72" s="298">
        <v>0.50623641970626987</v>
      </c>
      <c r="AC72" s="307">
        <v>0.10259051219329454</v>
      </c>
      <c r="AD72" s="54">
        <v>92</v>
      </c>
      <c r="AE72" s="55">
        <v>74.654751327265387</v>
      </c>
      <c r="AF72" s="56">
        <v>4.5863999999999994</v>
      </c>
      <c r="AG72" s="298">
        <v>0.21109265323524945</v>
      </c>
      <c r="AH72" s="307">
        <v>8.4986091376889852E-2</v>
      </c>
      <c r="AI72" s="298">
        <v>0.47905697958568966</v>
      </c>
      <c r="AJ72" s="307">
        <v>0.10197981402832802</v>
      </c>
      <c r="AK72" s="54">
        <v>92</v>
      </c>
      <c r="AL72" s="55">
        <v>58.718525376665781</v>
      </c>
      <c r="AM72" s="56">
        <v>5.0763999999999996</v>
      </c>
      <c r="AN72" s="298">
        <v>0.49478606146744836</v>
      </c>
      <c r="AO72" s="307">
        <v>0.10205697613713019</v>
      </c>
      <c r="AP72" s="298">
        <v>0.28874387631412568</v>
      </c>
      <c r="AQ72" s="307">
        <v>9.3321233931202258E-2</v>
      </c>
      <c r="AR72" s="54">
        <v>92</v>
      </c>
      <c r="AS72" s="55">
        <v>59.751102224581963</v>
      </c>
      <c r="AT72" s="56">
        <v>5.5860000000000003</v>
      </c>
      <c r="AU72" s="298">
        <v>0.45258994930982255</v>
      </c>
      <c r="AV72" s="307">
        <v>0.10163982450772634</v>
      </c>
      <c r="AW72" s="298">
        <v>0.3109354616078715</v>
      </c>
      <c r="AX72" s="307">
        <v>9.5125208200269887E-2</v>
      </c>
    </row>
    <row r="73" spans="1:50" s="5" customFormat="1">
      <c r="A73" s="49" t="s">
        <v>172</v>
      </c>
      <c r="B73" s="74">
        <v>244</v>
      </c>
      <c r="C73" s="75">
        <v>79.442197765423174</v>
      </c>
      <c r="D73" s="76">
        <v>2.3715999999999999</v>
      </c>
      <c r="E73" s="304">
        <v>0.14781271598457052</v>
      </c>
      <c r="F73" s="305">
        <v>4.577874684641578E-2</v>
      </c>
      <c r="G73" s="306">
        <v>0.64387147487016205</v>
      </c>
      <c r="H73" s="305">
        <v>6.0902264866201032E-2</v>
      </c>
      <c r="I73" s="74">
        <v>243</v>
      </c>
      <c r="J73" s="75">
        <v>70.95996930454298</v>
      </c>
      <c r="K73" s="76">
        <v>2.6852</v>
      </c>
      <c r="L73" s="304">
        <v>0.2378491519729368</v>
      </c>
      <c r="M73" s="305">
        <v>5.451066948165325E-2</v>
      </c>
      <c r="N73" s="306">
        <v>0.47150614769467525</v>
      </c>
      <c r="O73" s="305">
        <v>6.3528397016706317E-2</v>
      </c>
      <c r="P73" s="74">
        <v>243</v>
      </c>
      <c r="Q73" s="75">
        <v>76.027032258453033</v>
      </c>
      <c r="R73" s="76">
        <v>2.7047999999999996</v>
      </c>
      <c r="S73" s="304">
        <v>0.18031663574685342</v>
      </c>
      <c r="T73" s="305">
        <v>4.9464465413404039E-2</v>
      </c>
      <c r="U73" s="306">
        <v>0.58804064817836288</v>
      </c>
      <c r="V73" s="305">
        <v>6.2666505146792909E-2</v>
      </c>
      <c r="W73" s="74">
        <v>242</v>
      </c>
      <c r="X73" s="75">
        <v>81.007488986017549</v>
      </c>
      <c r="Y73" s="76">
        <v>2.7243999999999997</v>
      </c>
      <c r="Z73" s="304">
        <v>0.13989278658547089</v>
      </c>
      <c r="AA73" s="305">
        <v>4.4994246063770192E-2</v>
      </c>
      <c r="AB73" s="306">
        <v>0.67669846025175351</v>
      </c>
      <c r="AC73" s="305">
        <v>5.9780732140658314E-2</v>
      </c>
      <c r="AD73" s="74">
        <v>243</v>
      </c>
      <c r="AE73" s="75">
        <v>80.768808048088488</v>
      </c>
      <c r="AF73" s="76">
        <v>2.3715999999999999</v>
      </c>
      <c r="AG73" s="304">
        <v>0.1548744461213484</v>
      </c>
      <c r="AH73" s="305">
        <v>4.6707805901490283E-2</v>
      </c>
      <c r="AI73" s="306">
        <v>0.69177788093226622</v>
      </c>
      <c r="AJ73" s="305">
        <v>5.8924615764279015E-2</v>
      </c>
      <c r="AK73" s="74">
        <v>243</v>
      </c>
      <c r="AL73" s="75">
        <v>70.299816833134841</v>
      </c>
      <c r="AM73" s="76">
        <v>3.1752000000000002</v>
      </c>
      <c r="AN73" s="304">
        <v>0.30329190683693447</v>
      </c>
      <c r="AO73" s="305">
        <v>5.8669323474730237E-2</v>
      </c>
      <c r="AP73" s="306">
        <v>0.47842685391700779</v>
      </c>
      <c r="AQ73" s="305">
        <v>6.3571127688619472E-2</v>
      </c>
      <c r="AR73" s="74">
        <v>244</v>
      </c>
      <c r="AS73" s="75">
        <v>72.554344326585834</v>
      </c>
      <c r="AT73" s="76">
        <v>3.0771999999999999</v>
      </c>
      <c r="AU73" s="304">
        <v>0.26905649763736694</v>
      </c>
      <c r="AV73" s="305">
        <v>5.6564508500614723E-2</v>
      </c>
      <c r="AW73" s="306">
        <v>0.53632757951253018</v>
      </c>
      <c r="AX73" s="305">
        <v>6.3337617421260914E-2</v>
      </c>
    </row>
    <row r="74" spans="1:50" s="5" customFormat="1" ht="25.5">
      <c r="A74" s="45" t="s">
        <v>436</v>
      </c>
      <c r="B74" s="54">
        <v>96</v>
      </c>
      <c r="C74" s="55">
        <v>79.10478005168298</v>
      </c>
      <c r="D74" s="56">
        <v>4.0964</v>
      </c>
      <c r="E74" s="298">
        <v>0.11191287401356381</v>
      </c>
      <c r="F74" s="307">
        <v>6.6692228466090631E-2</v>
      </c>
      <c r="G74" s="298">
        <v>0.61968590544052049</v>
      </c>
      <c r="H74" s="307">
        <v>9.7323859720057221E-2</v>
      </c>
      <c r="I74" s="54">
        <v>95</v>
      </c>
      <c r="J74" s="55">
        <v>71.917007421118655</v>
      </c>
      <c r="K74" s="56">
        <v>4.2139999999999995</v>
      </c>
      <c r="L74" s="298">
        <v>0.222781707248836</v>
      </c>
      <c r="M74" s="307">
        <v>8.5098792534968409E-2</v>
      </c>
      <c r="N74" s="298">
        <v>0.42421428097540498</v>
      </c>
      <c r="O74" s="307">
        <v>9.9435023778035481E-2</v>
      </c>
      <c r="P74" s="54">
        <v>96</v>
      </c>
      <c r="Q74" s="55">
        <v>75.948721351020438</v>
      </c>
      <c r="R74" s="56">
        <v>4.4295999999999998</v>
      </c>
      <c r="S74" s="298">
        <v>0.20638152064871815</v>
      </c>
      <c r="T74" s="307">
        <v>8.2594720073016548E-2</v>
      </c>
      <c r="U74" s="298">
        <v>0.5895190245505324</v>
      </c>
      <c r="V74" s="307">
        <v>9.8511850019138134E-2</v>
      </c>
      <c r="W74" s="54">
        <v>95</v>
      </c>
      <c r="X74" s="55">
        <v>79.485038973251079</v>
      </c>
      <c r="Y74" s="56">
        <v>4.9000000000000004</v>
      </c>
      <c r="Z74" s="298">
        <v>0.17523530138855681</v>
      </c>
      <c r="AA74" s="307">
        <v>7.8593367876975573E-2</v>
      </c>
      <c r="AB74" s="298">
        <v>0.61534304032399745</v>
      </c>
      <c r="AC74" s="307">
        <v>9.8010375970575256E-2</v>
      </c>
      <c r="AD74" s="54">
        <v>96</v>
      </c>
      <c r="AE74" s="55">
        <v>81.790979380337475</v>
      </c>
      <c r="AF74" s="56">
        <v>4.2336</v>
      </c>
      <c r="AG74" s="298">
        <v>0.10938675921460052</v>
      </c>
      <c r="AH74" s="307">
        <v>6.6146342758182583E-2</v>
      </c>
      <c r="AI74" s="298">
        <v>0.73962276346619638</v>
      </c>
      <c r="AJ74" s="307">
        <v>8.8787969054480248E-2</v>
      </c>
      <c r="AK74" s="54">
        <v>95</v>
      </c>
      <c r="AL74" s="55">
        <v>68.205462243299266</v>
      </c>
      <c r="AM74" s="56">
        <v>5.2724000000000002</v>
      </c>
      <c r="AN74" s="298">
        <v>0.32871436859228026</v>
      </c>
      <c r="AO74" s="307">
        <v>9.491817780562338E-2</v>
      </c>
      <c r="AP74" s="298">
        <v>0.48089037787455574</v>
      </c>
      <c r="AQ74" s="307">
        <v>0.10043616707430782</v>
      </c>
      <c r="AR74" s="54">
        <v>96</v>
      </c>
      <c r="AS74" s="55">
        <v>74.647430736720437</v>
      </c>
      <c r="AT74" s="56">
        <v>5.2332000000000001</v>
      </c>
      <c r="AU74" s="298">
        <v>0.19303739355362062</v>
      </c>
      <c r="AV74" s="307">
        <v>8.0786454289650173E-2</v>
      </c>
      <c r="AW74" s="298">
        <v>0.56626772969733719</v>
      </c>
      <c r="AX74" s="307">
        <v>9.9187272308799979E-2</v>
      </c>
    </row>
    <row r="75" spans="1:50" s="5" customFormat="1" ht="25.5">
      <c r="A75" s="49" t="s">
        <v>437</v>
      </c>
      <c r="B75" s="74">
        <v>115</v>
      </c>
      <c r="C75" s="75">
        <v>79.780496639976477</v>
      </c>
      <c r="D75" s="76">
        <v>2.9007999999999998</v>
      </c>
      <c r="E75" s="304">
        <v>0.12129734269095065</v>
      </c>
      <c r="F75" s="305">
        <v>6.2460380430325126E-2</v>
      </c>
      <c r="G75" s="306">
        <v>0.62172090080373943</v>
      </c>
      <c r="H75" s="305">
        <v>8.9096928501658179E-2</v>
      </c>
      <c r="I75" s="74">
        <v>115</v>
      </c>
      <c r="J75" s="75">
        <v>70.433937981993211</v>
      </c>
      <c r="K75" s="76">
        <v>3.92</v>
      </c>
      <c r="L75" s="304">
        <v>0.219781017339057</v>
      </c>
      <c r="M75" s="305">
        <v>7.7061022931587106E-2</v>
      </c>
      <c r="N75" s="306">
        <v>0.52113521145269381</v>
      </c>
      <c r="O75" s="305">
        <v>9.1593333615135886E-2</v>
      </c>
      <c r="P75" s="74">
        <v>114</v>
      </c>
      <c r="Q75" s="75">
        <v>75.301204023428028</v>
      </c>
      <c r="R75" s="76">
        <v>3.7631999999999999</v>
      </c>
      <c r="S75" s="304">
        <v>0.20510732605668044</v>
      </c>
      <c r="T75" s="305">
        <v>7.56517649302728E-2</v>
      </c>
      <c r="U75" s="306">
        <v>0.57811050204254777</v>
      </c>
      <c r="V75" s="305">
        <v>9.1002958167104922E-2</v>
      </c>
      <c r="W75" s="74">
        <v>114</v>
      </c>
      <c r="X75" s="75">
        <v>80.767451539939614</v>
      </c>
      <c r="Y75" s="76">
        <v>3.5084</v>
      </c>
      <c r="Z75" s="304">
        <v>0.13056664545118515</v>
      </c>
      <c r="AA75" s="305">
        <v>6.4470494179566129E-2</v>
      </c>
      <c r="AB75" s="306">
        <v>0.69857444173520189</v>
      </c>
      <c r="AC75" s="305">
        <v>8.5011708698774766E-2</v>
      </c>
      <c r="AD75" s="74">
        <v>114</v>
      </c>
      <c r="AE75" s="75">
        <v>83.385574513327427</v>
      </c>
      <c r="AF75" s="76">
        <v>2.94</v>
      </c>
      <c r="AG75" s="304">
        <v>0.10916310740019779</v>
      </c>
      <c r="AH75" s="305">
        <v>6.0345660543458156E-2</v>
      </c>
      <c r="AI75" s="306">
        <v>0.69522415645447599</v>
      </c>
      <c r="AJ75" s="305">
        <v>8.5256866166154507E-2</v>
      </c>
      <c r="AK75" s="74">
        <v>115</v>
      </c>
      <c r="AL75" s="75">
        <v>72.48607565661797</v>
      </c>
      <c r="AM75" s="76">
        <v>4.5275999999999996</v>
      </c>
      <c r="AN75" s="304">
        <v>0.25350276346035922</v>
      </c>
      <c r="AO75" s="305">
        <v>8.0597605404885059E-2</v>
      </c>
      <c r="AP75" s="306">
        <v>0.46399122471299098</v>
      </c>
      <c r="AQ75" s="305">
        <v>9.1447568964097253E-2</v>
      </c>
      <c r="AR75" s="74">
        <v>115</v>
      </c>
      <c r="AS75" s="75">
        <v>72.948180256750007</v>
      </c>
      <c r="AT75" s="76">
        <v>4.0964</v>
      </c>
      <c r="AU75" s="304">
        <v>0.28072157229783973</v>
      </c>
      <c r="AV75" s="305">
        <v>8.3029834954335871E-2</v>
      </c>
      <c r="AW75" s="306">
        <v>0.52201886546698861</v>
      </c>
      <c r="AX75" s="305">
        <v>9.1586798691671883E-2</v>
      </c>
    </row>
    <row r="76" spans="1:50" s="5" customFormat="1">
      <c r="A76" s="45" t="s">
        <v>453</v>
      </c>
      <c r="B76" s="71">
        <v>542</v>
      </c>
      <c r="C76" s="72">
        <v>76.425503642004429</v>
      </c>
      <c r="D76" s="73">
        <v>1.6267999999999998</v>
      </c>
      <c r="E76" s="301">
        <v>0.15457804523819701</v>
      </c>
      <c r="F76" s="302">
        <v>3.1147233249207609E-2</v>
      </c>
      <c r="G76" s="303">
        <v>0.57769725487310153</v>
      </c>
      <c r="H76" s="302">
        <v>4.2283819054267577E-2</v>
      </c>
      <c r="I76" s="71">
        <v>541</v>
      </c>
      <c r="J76" s="72">
        <v>67.874421673335547</v>
      </c>
      <c r="K76" s="73">
        <v>1.8815999999999999</v>
      </c>
      <c r="L76" s="301">
        <v>0.28342416637467976</v>
      </c>
      <c r="M76" s="302">
        <v>3.8673500088215976E-2</v>
      </c>
      <c r="N76" s="303">
        <v>0.3852778536902694</v>
      </c>
      <c r="O76" s="302">
        <v>4.1709463576246407E-2</v>
      </c>
      <c r="P76" s="71">
        <v>540</v>
      </c>
      <c r="Q76" s="72">
        <v>70.429019283514663</v>
      </c>
      <c r="R76" s="73">
        <v>1.96</v>
      </c>
      <c r="S76" s="301">
        <v>0.26714312422351261</v>
      </c>
      <c r="T76" s="302">
        <v>3.801819716767544E-2</v>
      </c>
      <c r="U76" s="303">
        <v>0.44932719531346105</v>
      </c>
      <c r="V76" s="302">
        <v>4.265713932558754E-2</v>
      </c>
      <c r="W76" s="71">
        <v>538</v>
      </c>
      <c r="X76" s="72">
        <v>72.798505370788888</v>
      </c>
      <c r="Y76" s="73">
        <v>2.0384000000000002</v>
      </c>
      <c r="Z76" s="301">
        <v>0.26800787914703417</v>
      </c>
      <c r="AA76" s="302">
        <v>3.8126911855439934E-2</v>
      </c>
      <c r="AB76" s="303">
        <v>0.52890094231847218</v>
      </c>
      <c r="AC76" s="302">
        <v>4.28829195275824E-2</v>
      </c>
      <c r="AD76" s="71">
        <v>539</v>
      </c>
      <c r="AE76" s="72">
        <v>77.493741557629662</v>
      </c>
      <c r="AF76" s="73">
        <v>1.7052</v>
      </c>
      <c r="AG76" s="301">
        <v>0.16638286570844896</v>
      </c>
      <c r="AH76" s="302">
        <v>3.2152187919135523E-2</v>
      </c>
      <c r="AI76" s="303">
        <v>0.61059420312009249</v>
      </c>
      <c r="AJ76" s="302">
        <v>4.1866969760846424E-2</v>
      </c>
      <c r="AK76" s="71">
        <v>542</v>
      </c>
      <c r="AL76" s="72">
        <v>68.87088424357151</v>
      </c>
      <c r="AM76" s="73">
        <v>2.0188000000000001</v>
      </c>
      <c r="AN76" s="301">
        <v>0.2881584555960327</v>
      </c>
      <c r="AO76" s="302">
        <v>3.8826965406323077E-2</v>
      </c>
      <c r="AP76" s="303">
        <v>0.43877923147475939</v>
      </c>
      <c r="AQ76" s="302">
        <v>4.247875847885426E-2</v>
      </c>
      <c r="AR76" s="71">
        <v>542</v>
      </c>
      <c r="AS76" s="72">
        <v>68.928347312408476</v>
      </c>
      <c r="AT76" s="73">
        <v>2.0579999999999998</v>
      </c>
      <c r="AU76" s="301">
        <v>0.30216825331131669</v>
      </c>
      <c r="AV76" s="302">
        <v>3.9356913020441135E-2</v>
      </c>
      <c r="AW76" s="303">
        <v>0.44650296550901564</v>
      </c>
      <c r="AX76" s="302">
        <v>4.2553981815429499E-2</v>
      </c>
    </row>
    <row r="77" spans="1:50" ht="25.5">
      <c r="A77" s="49" t="s">
        <v>438</v>
      </c>
      <c r="B77" s="74">
        <v>82</v>
      </c>
      <c r="C77" s="75">
        <v>72.750912527625559</v>
      </c>
      <c r="D77" s="76">
        <v>4.5667999999999997</v>
      </c>
      <c r="E77" s="304">
        <v>0.16825856531837477</v>
      </c>
      <c r="F77" s="305">
        <v>8.3512141265348963E-2</v>
      </c>
      <c r="G77" s="306">
        <v>0.52339464851846873</v>
      </c>
      <c r="H77" s="305">
        <v>0.10772540866041153</v>
      </c>
      <c r="I77" s="74">
        <v>82</v>
      </c>
      <c r="J77" s="75">
        <v>66.536028451608573</v>
      </c>
      <c r="K77" s="76">
        <v>4.3708</v>
      </c>
      <c r="L77" s="304">
        <v>0.32410230156742953</v>
      </c>
      <c r="M77" s="305">
        <v>0.10158538756208103</v>
      </c>
      <c r="N77" s="306">
        <v>0.31189798825083515</v>
      </c>
      <c r="O77" s="305">
        <v>0.10065655914960618</v>
      </c>
      <c r="P77" s="74">
        <v>81</v>
      </c>
      <c r="Q77" s="75">
        <v>74.650612728263638</v>
      </c>
      <c r="R77" s="76">
        <v>4.7236000000000002</v>
      </c>
      <c r="S77" s="304">
        <v>0.18236083733328157</v>
      </c>
      <c r="T77" s="305">
        <v>8.6331207293514053E-2</v>
      </c>
      <c r="U77" s="306">
        <v>0.51770631180058602</v>
      </c>
      <c r="V77" s="305">
        <v>0.10840345108188904</v>
      </c>
      <c r="W77" s="74">
        <v>82</v>
      </c>
      <c r="X77" s="75">
        <v>67.027930167934741</v>
      </c>
      <c r="Y77" s="76">
        <v>5.5663999999999998</v>
      </c>
      <c r="Z77" s="304">
        <v>0.40917981163596795</v>
      </c>
      <c r="AA77" s="305">
        <v>0.10620321326106752</v>
      </c>
      <c r="AB77" s="306">
        <v>0.49149136939240723</v>
      </c>
      <c r="AC77" s="305">
        <v>0.1078185774156256</v>
      </c>
      <c r="AD77" s="74">
        <v>82</v>
      </c>
      <c r="AE77" s="75">
        <v>79.314975661859734</v>
      </c>
      <c r="AF77" s="76">
        <v>4.1943999999999999</v>
      </c>
      <c r="AG77" s="304">
        <v>0.25288398624887781</v>
      </c>
      <c r="AH77" s="305">
        <v>9.5108788957717766E-2</v>
      </c>
      <c r="AI77" s="306">
        <v>0.65959887260847594</v>
      </c>
      <c r="AJ77" s="305">
        <v>0.10271716998157125</v>
      </c>
      <c r="AK77" s="74">
        <v>82</v>
      </c>
      <c r="AL77" s="75">
        <v>68.132107829872751</v>
      </c>
      <c r="AM77" s="76">
        <v>5.2724000000000002</v>
      </c>
      <c r="AN77" s="304">
        <v>0.37925577525607113</v>
      </c>
      <c r="AO77" s="305">
        <v>0.10493530549026982</v>
      </c>
      <c r="AP77" s="306">
        <v>0.50999653519235555</v>
      </c>
      <c r="AQ77" s="305">
        <v>0.10781317798846857</v>
      </c>
      <c r="AR77" s="74">
        <v>82</v>
      </c>
      <c r="AS77" s="75">
        <v>69.625834801241794</v>
      </c>
      <c r="AT77" s="76">
        <v>5.5271999999999997</v>
      </c>
      <c r="AU77" s="304">
        <v>0.30908151740460088</v>
      </c>
      <c r="AV77" s="305">
        <v>0.10043208168034357</v>
      </c>
      <c r="AW77" s="306">
        <v>0.51872040133454655</v>
      </c>
      <c r="AX77" s="305">
        <v>0.10776403782632796</v>
      </c>
    </row>
    <row r="78" spans="1:50" ht="25.5">
      <c r="A78" s="45" t="s">
        <v>439</v>
      </c>
      <c r="B78" s="54">
        <v>79</v>
      </c>
      <c r="C78" s="55">
        <v>75.495740645948359</v>
      </c>
      <c r="D78" s="56">
        <v>4.4884000000000004</v>
      </c>
      <c r="E78" s="298">
        <v>0.20102223834770255</v>
      </c>
      <c r="F78" s="307">
        <v>9.0252757086682123E-2</v>
      </c>
      <c r="G78" s="298">
        <v>0.6025643955765585</v>
      </c>
      <c r="H78" s="307">
        <v>0.10765183421793173</v>
      </c>
      <c r="I78" s="54">
        <v>79</v>
      </c>
      <c r="J78" s="55">
        <v>70.348140756870933</v>
      </c>
      <c r="K78" s="56">
        <v>4.6255999999999995</v>
      </c>
      <c r="L78" s="298">
        <v>0.25046314054361074</v>
      </c>
      <c r="M78" s="307">
        <v>9.6589687691061424E-2</v>
      </c>
      <c r="N78" s="298">
        <v>0.57191777646342523</v>
      </c>
      <c r="O78" s="307">
        <v>0.10873075909056354</v>
      </c>
      <c r="P78" s="54">
        <v>79</v>
      </c>
      <c r="Q78" s="55">
        <v>71.526961524514689</v>
      </c>
      <c r="R78" s="56">
        <v>5.2724000000000002</v>
      </c>
      <c r="S78" s="298">
        <v>0.29194787379251774</v>
      </c>
      <c r="T78" s="307">
        <v>0.10078867175144747</v>
      </c>
      <c r="U78" s="298">
        <v>0.48819076890428181</v>
      </c>
      <c r="V78" s="307">
        <v>0.10973652122800566</v>
      </c>
      <c r="W78" s="54">
        <v>79</v>
      </c>
      <c r="X78" s="55">
        <v>77.880813782594558</v>
      </c>
      <c r="Y78" s="56">
        <v>4.7431999999999999</v>
      </c>
      <c r="Z78" s="298">
        <v>0.15667651729773011</v>
      </c>
      <c r="AA78" s="307">
        <v>8.3078214642288109E-2</v>
      </c>
      <c r="AB78" s="298">
        <v>0.57320529158203537</v>
      </c>
      <c r="AC78" s="307">
        <v>0.10869323923071066</v>
      </c>
      <c r="AD78" s="54">
        <v>78</v>
      </c>
      <c r="AE78" s="55">
        <v>85.430656648673647</v>
      </c>
      <c r="AF78" s="56">
        <v>3.4104000000000001</v>
      </c>
      <c r="AG78" s="298">
        <v>3.1155662817680126E-2</v>
      </c>
      <c r="AH78" s="307">
        <v>4.9930340173868965E-2</v>
      </c>
      <c r="AI78" s="298">
        <v>0.73179022945188765</v>
      </c>
      <c r="AJ78" s="307">
        <v>9.911488165172401E-2</v>
      </c>
      <c r="AK78" s="54">
        <v>79</v>
      </c>
      <c r="AL78" s="55">
        <v>75.656040754555249</v>
      </c>
      <c r="AM78" s="56">
        <v>4.8412000000000006</v>
      </c>
      <c r="AN78" s="298">
        <v>0.15930976272982675</v>
      </c>
      <c r="AO78" s="307">
        <v>8.3550154985652533E-2</v>
      </c>
      <c r="AP78" s="298">
        <v>0.49915206126936573</v>
      </c>
      <c r="AQ78" s="307">
        <v>0.10976411699557163</v>
      </c>
      <c r="AR78" s="54">
        <v>79</v>
      </c>
      <c r="AS78" s="55">
        <v>74.350376569025485</v>
      </c>
      <c r="AT78" s="56">
        <v>5.1155999999999997</v>
      </c>
      <c r="AU78" s="298">
        <v>0.28113068645675643</v>
      </c>
      <c r="AV78" s="307">
        <v>9.9783427279107245E-2</v>
      </c>
      <c r="AW78" s="298">
        <v>0.55593887928449592</v>
      </c>
      <c r="AX78" s="307">
        <v>0.10914016185465467</v>
      </c>
    </row>
    <row r="79" spans="1:50">
      <c r="A79" s="49" t="s">
        <v>440</v>
      </c>
      <c r="B79" s="74">
        <v>77</v>
      </c>
      <c r="C79" s="75">
        <v>78.213549521562655</v>
      </c>
      <c r="D79" s="76">
        <v>4.1355999999999993</v>
      </c>
      <c r="E79" s="304">
        <v>7.5911561542441122E-2</v>
      </c>
      <c r="F79" s="305">
        <v>6.5724251618245966E-2</v>
      </c>
      <c r="G79" s="306">
        <v>0.51078530701765745</v>
      </c>
      <c r="H79" s="305">
        <v>0.11108774913460527</v>
      </c>
      <c r="I79" s="74">
        <v>77</v>
      </c>
      <c r="J79" s="75">
        <v>69.178367110856513</v>
      </c>
      <c r="K79" s="76">
        <v>5.0960000000000001</v>
      </c>
      <c r="L79" s="304">
        <v>0.21386506722292972</v>
      </c>
      <c r="M79" s="305">
        <v>9.323099730934245E-2</v>
      </c>
      <c r="N79" s="306">
        <v>0.37629257197631877</v>
      </c>
      <c r="O79" s="305">
        <v>0.1079941954988056</v>
      </c>
      <c r="P79" s="74">
        <v>77</v>
      </c>
      <c r="Q79" s="75">
        <v>71.274419314650117</v>
      </c>
      <c r="R79" s="76">
        <v>4.9000000000000004</v>
      </c>
      <c r="S79" s="304">
        <v>0.22733887919182397</v>
      </c>
      <c r="T79" s="305">
        <v>9.5015850439258254E-2</v>
      </c>
      <c r="U79" s="306">
        <v>0.39410384652972513</v>
      </c>
      <c r="V79" s="305">
        <v>0.10883586299236327</v>
      </c>
      <c r="W79" s="74">
        <v>77</v>
      </c>
      <c r="X79" s="75">
        <v>78.520804121983474</v>
      </c>
      <c r="Y79" s="76">
        <v>5.0175999999999998</v>
      </c>
      <c r="Z79" s="304">
        <v>0.14515440614343622</v>
      </c>
      <c r="AA79" s="305">
        <v>8.2015845819410876E-2</v>
      </c>
      <c r="AB79" s="306">
        <v>0.59874330381860752</v>
      </c>
      <c r="AC79" s="305">
        <v>0.10913554131882885</v>
      </c>
      <c r="AD79" s="74">
        <v>77</v>
      </c>
      <c r="AE79" s="75">
        <v>76.806816056542559</v>
      </c>
      <c r="AF79" s="76">
        <v>3.9984000000000002</v>
      </c>
      <c r="AG79" s="304">
        <v>0.15020954811835399</v>
      </c>
      <c r="AH79" s="305">
        <v>8.2979261106355451E-2</v>
      </c>
      <c r="AI79" s="306">
        <v>0.60181507056577965</v>
      </c>
      <c r="AJ79" s="305">
        <v>0.10900951244649477</v>
      </c>
      <c r="AK79" s="74">
        <v>77</v>
      </c>
      <c r="AL79" s="75">
        <v>76.7531834963808</v>
      </c>
      <c r="AM79" s="76">
        <v>4.6647999999999996</v>
      </c>
      <c r="AN79" s="304">
        <v>0.12178863114460534</v>
      </c>
      <c r="AO79" s="305">
        <v>7.7215463445671886E-2</v>
      </c>
      <c r="AP79" s="306">
        <v>0.5104244478888238</v>
      </c>
      <c r="AQ79" s="305">
        <v>0.11108928644145939</v>
      </c>
      <c r="AR79" s="74">
        <v>77</v>
      </c>
      <c r="AS79" s="75">
        <v>71.831000686766828</v>
      </c>
      <c r="AT79" s="76">
        <v>4.8216000000000001</v>
      </c>
      <c r="AU79" s="304">
        <v>0.24735377749982149</v>
      </c>
      <c r="AV79" s="305">
        <v>9.7453613035155276E-2</v>
      </c>
      <c r="AW79" s="306">
        <v>0.3430821160406009</v>
      </c>
      <c r="AX79" s="305">
        <v>0.10605115313562358</v>
      </c>
    </row>
    <row r="80" spans="1:50">
      <c r="A80" s="57" t="s">
        <v>441</v>
      </c>
      <c r="B80" s="71">
        <v>75</v>
      </c>
      <c r="C80" s="72">
        <v>81.775777463122324</v>
      </c>
      <c r="D80" s="73">
        <v>3.7435999999999998</v>
      </c>
      <c r="E80" s="301">
        <v>8.776649190675026E-2</v>
      </c>
      <c r="F80" s="302">
        <v>7.0022284361102277E-2</v>
      </c>
      <c r="G80" s="303">
        <v>0.6328145315055469</v>
      </c>
      <c r="H80" s="302">
        <v>0.10887255961439814</v>
      </c>
      <c r="I80" s="71">
        <v>74</v>
      </c>
      <c r="J80" s="72">
        <v>74.323670202497567</v>
      </c>
      <c r="K80" s="73">
        <v>4.9195999999999991</v>
      </c>
      <c r="L80" s="301">
        <v>0.21333799656903787</v>
      </c>
      <c r="M80" s="302">
        <v>9.5013360331143354E-2</v>
      </c>
      <c r="N80" s="303">
        <v>0.54400008424764335</v>
      </c>
      <c r="O80" s="302">
        <v>0.1128324071565393</v>
      </c>
      <c r="P80" s="71">
        <v>75</v>
      </c>
      <c r="Q80" s="72">
        <v>77.858028886367393</v>
      </c>
      <c r="R80" s="73">
        <v>4.4295999999999998</v>
      </c>
      <c r="S80" s="301">
        <v>0.1633866143353854</v>
      </c>
      <c r="T80" s="302">
        <v>8.6529493342535249E-2</v>
      </c>
      <c r="U80" s="303">
        <v>0.56012333337151721</v>
      </c>
      <c r="V80" s="302">
        <v>0.11177327294250103</v>
      </c>
      <c r="W80" s="71">
        <v>75</v>
      </c>
      <c r="X80" s="72">
        <v>78.334124051968942</v>
      </c>
      <c r="Y80" s="73">
        <v>4.3904000000000005</v>
      </c>
      <c r="Z80" s="301">
        <v>0.19528283222948115</v>
      </c>
      <c r="AA80" s="302">
        <v>9.1765301198898308E-2</v>
      </c>
      <c r="AB80" s="303">
        <v>0.55974913895747469</v>
      </c>
      <c r="AC80" s="302">
        <v>0.11178242950058405</v>
      </c>
      <c r="AD80" s="71">
        <v>75</v>
      </c>
      <c r="AE80" s="72">
        <v>81.966647645920531</v>
      </c>
      <c r="AF80" s="73">
        <v>3.9787999999999997</v>
      </c>
      <c r="AG80" s="301">
        <v>0.10410037003628503</v>
      </c>
      <c r="AH80" s="302">
        <v>7.4199086022320976E-2</v>
      </c>
      <c r="AI80" s="303">
        <v>0.6757198591566026</v>
      </c>
      <c r="AJ80" s="302">
        <v>0.10606188856801364</v>
      </c>
      <c r="AK80" s="71">
        <v>75</v>
      </c>
      <c r="AL80" s="72">
        <v>75.046659287309708</v>
      </c>
      <c r="AM80" s="73">
        <v>5.0960000000000001</v>
      </c>
      <c r="AN80" s="301">
        <v>0.25984703709773954</v>
      </c>
      <c r="AO80" s="302">
        <v>0.10013131792867841</v>
      </c>
      <c r="AP80" s="303">
        <v>0.54427021360895489</v>
      </c>
      <c r="AQ80" s="302">
        <v>0.11211061213729671</v>
      </c>
      <c r="AR80" s="71">
        <v>75</v>
      </c>
      <c r="AS80" s="72">
        <v>74.037656197998643</v>
      </c>
      <c r="AT80" s="73">
        <v>5.3507999999999996</v>
      </c>
      <c r="AU80" s="301">
        <v>0.25009653661812792</v>
      </c>
      <c r="AV80" s="302">
        <v>9.9036466603401208E-2</v>
      </c>
      <c r="AW80" s="303">
        <v>0.56297396295206792</v>
      </c>
      <c r="AX80" s="302">
        <v>0.11170161541533505</v>
      </c>
    </row>
    <row r="81" spans="1:50" ht="25.5">
      <c r="A81" s="49" t="s">
        <v>442</v>
      </c>
      <c r="B81" s="74">
        <v>114</v>
      </c>
      <c r="C81" s="75">
        <v>73.574015730402976</v>
      </c>
      <c r="D81" s="76">
        <v>3.8415999999999997</v>
      </c>
      <c r="E81" s="304">
        <v>0.22990115739359587</v>
      </c>
      <c r="F81" s="305">
        <v>7.8526423715346072E-2</v>
      </c>
      <c r="G81" s="306">
        <v>0.59197534210525993</v>
      </c>
      <c r="H81" s="305">
        <v>9.0592089801260975E-2</v>
      </c>
      <c r="I81" s="74">
        <v>113</v>
      </c>
      <c r="J81" s="75">
        <v>63.032272583827996</v>
      </c>
      <c r="K81" s="76">
        <v>4.2139999999999995</v>
      </c>
      <c r="L81" s="304">
        <v>0.43797355392350101</v>
      </c>
      <c r="M81" s="305">
        <v>9.1784080530181542E-2</v>
      </c>
      <c r="N81" s="306">
        <v>0.33487310184952701</v>
      </c>
      <c r="O81" s="305">
        <v>8.7621103549698057E-2</v>
      </c>
      <c r="P81" s="74">
        <v>110</v>
      </c>
      <c r="Q81" s="75">
        <v>67.621825796253006</v>
      </c>
      <c r="R81" s="76">
        <v>4.1943999999999999</v>
      </c>
      <c r="S81" s="304">
        <v>0.33032453988265187</v>
      </c>
      <c r="T81" s="305">
        <v>8.8495242796921988E-2</v>
      </c>
      <c r="U81" s="306">
        <v>0.53805074111961493</v>
      </c>
      <c r="V81" s="305">
        <v>9.3405729322925873E-2</v>
      </c>
      <c r="W81" s="74">
        <v>113</v>
      </c>
      <c r="X81" s="75">
        <v>71.953356590414145</v>
      </c>
      <c r="Y81" s="76">
        <v>4.1355999999999993</v>
      </c>
      <c r="Z81" s="304">
        <v>0.35237149695829151</v>
      </c>
      <c r="AA81" s="305">
        <v>8.8611425162785792E-2</v>
      </c>
      <c r="AB81" s="306">
        <v>0.50838450336940677</v>
      </c>
      <c r="AC81" s="305">
        <v>9.2437907043908057E-2</v>
      </c>
      <c r="AD81" s="74">
        <v>113</v>
      </c>
      <c r="AE81" s="75">
        <v>81.60440152535682</v>
      </c>
      <c r="AF81" s="76">
        <v>3.6064000000000003</v>
      </c>
      <c r="AG81" s="304">
        <v>0.16358287506564997</v>
      </c>
      <c r="AH81" s="305">
        <v>7.0269273973245519E-2</v>
      </c>
      <c r="AI81" s="306">
        <v>0.69675201043506019</v>
      </c>
      <c r="AJ81" s="305">
        <v>8.551309788848821E-2</v>
      </c>
      <c r="AK81" s="74">
        <v>114</v>
      </c>
      <c r="AL81" s="75">
        <v>65.688076724907532</v>
      </c>
      <c r="AM81" s="76">
        <v>4.3904000000000005</v>
      </c>
      <c r="AN81" s="304">
        <v>0.41159770663760503</v>
      </c>
      <c r="AO81" s="305">
        <v>9.070456467451668E-2</v>
      </c>
      <c r="AP81" s="306">
        <v>0.38723916355574634</v>
      </c>
      <c r="AQ81" s="305">
        <v>8.9845897699139671E-2</v>
      </c>
      <c r="AR81" s="74">
        <v>114</v>
      </c>
      <c r="AS81" s="75">
        <v>64.337272866655411</v>
      </c>
      <c r="AT81" s="76">
        <v>4.9195999999999991</v>
      </c>
      <c r="AU81" s="304">
        <v>0.41035855183378223</v>
      </c>
      <c r="AV81" s="305">
        <v>9.0666078126727973E-2</v>
      </c>
      <c r="AW81" s="306">
        <v>0.43560856279668531</v>
      </c>
      <c r="AX81" s="305">
        <v>9.1342172960382259E-2</v>
      </c>
    </row>
    <row r="82" spans="1:50">
      <c r="A82" s="57" t="s">
        <v>443</v>
      </c>
      <c r="B82" s="71">
        <v>171</v>
      </c>
      <c r="C82" s="72">
        <v>74.612208371506384</v>
      </c>
      <c r="D82" s="73">
        <v>2.9596</v>
      </c>
      <c r="E82" s="301">
        <v>0.20088513492716534</v>
      </c>
      <c r="F82" s="302">
        <v>6.1332554428344829E-2</v>
      </c>
      <c r="G82" s="303">
        <v>0.5693981364478482</v>
      </c>
      <c r="H82" s="302">
        <v>7.4894447190411093E-2</v>
      </c>
      <c r="I82" s="71">
        <v>171</v>
      </c>
      <c r="J82" s="72">
        <v>64.878204784989322</v>
      </c>
      <c r="K82" s="73">
        <v>3.4495999999999998</v>
      </c>
      <c r="L82" s="301">
        <v>0.33095274184427975</v>
      </c>
      <c r="M82" s="302">
        <v>7.1348556180525824E-2</v>
      </c>
      <c r="N82" s="303">
        <v>0.33365694649916644</v>
      </c>
      <c r="O82" s="302">
        <v>7.1487133258561888E-2</v>
      </c>
      <c r="P82" s="71">
        <v>170</v>
      </c>
      <c r="Q82" s="72">
        <v>65.381608480675894</v>
      </c>
      <c r="R82" s="73">
        <v>3.8024</v>
      </c>
      <c r="S82" s="301">
        <v>0.34464406885139376</v>
      </c>
      <c r="T82" s="302">
        <v>7.2232297090844569E-2</v>
      </c>
      <c r="U82" s="303">
        <v>0.37178207972520139</v>
      </c>
      <c r="V82" s="302">
        <v>7.3391930312804582E-2</v>
      </c>
      <c r="W82" s="71">
        <v>168</v>
      </c>
      <c r="X82" s="72">
        <v>68.228679242070143</v>
      </c>
      <c r="Y82" s="73">
        <v>4.1159999999999997</v>
      </c>
      <c r="Z82" s="301">
        <v>0.34035365998967865</v>
      </c>
      <c r="AA82" s="302">
        <v>7.2446403870797607E-2</v>
      </c>
      <c r="AB82" s="303">
        <v>0.49990097456255916</v>
      </c>
      <c r="AC82" s="302">
        <v>7.6249283739640683E-2</v>
      </c>
      <c r="AD82" s="71">
        <v>170</v>
      </c>
      <c r="AE82" s="72">
        <v>72.993895585789659</v>
      </c>
      <c r="AF82" s="73">
        <v>3.4887999999999999</v>
      </c>
      <c r="AG82" s="301">
        <v>0.2125435411862848</v>
      </c>
      <c r="AH82" s="302">
        <v>6.2720737080573061E-2</v>
      </c>
      <c r="AI82" s="303">
        <v>0.52962068973255749</v>
      </c>
      <c r="AJ82" s="302">
        <v>7.5682714985404909E-2</v>
      </c>
      <c r="AK82" s="71">
        <v>171</v>
      </c>
      <c r="AL82" s="72">
        <v>61.880264164042451</v>
      </c>
      <c r="AM82" s="73">
        <v>3.8415999999999997</v>
      </c>
      <c r="AN82" s="301">
        <v>0.36901116129174333</v>
      </c>
      <c r="AO82" s="302">
        <v>7.3074103929341883E-2</v>
      </c>
      <c r="AP82" s="303">
        <v>0.34494065407156282</v>
      </c>
      <c r="AQ82" s="302">
        <v>7.2038587228461209E-2</v>
      </c>
      <c r="AR82" s="71">
        <v>171</v>
      </c>
      <c r="AS82" s="72">
        <v>63.155235340452428</v>
      </c>
      <c r="AT82" s="73">
        <v>3.8611999999999997</v>
      </c>
      <c r="AU82" s="301">
        <v>0.3497567723119609</v>
      </c>
      <c r="AV82" s="302">
        <v>7.2260969762301605E-2</v>
      </c>
      <c r="AW82" s="303">
        <v>0.38400793052119403</v>
      </c>
      <c r="AX82" s="302">
        <v>7.3625128944383056E-2</v>
      </c>
    </row>
    <row r="83" spans="1:50">
      <c r="A83" s="49" t="s">
        <v>455</v>
      </c>
      <c r="B83" s="74">
        <v>148</v>
      </c>
      <c r="C83" s="75">
        <v>78.080415815020672</v>
      </c>
      <c r="D83" s="76">
        <v>3.0968</v>
      </c>
      <c r="E83" s="304">
        <v>0.12120162478953644</v>
      </c>
      <c r="F83" s="305">
        <v>5.4763710942497067E-2</v>
      </c>
      <c r="G83" s="306">
        <v>0.58441170200253056</v>
      </c>
      <c r="H83" s="305">
        <v>8.0007359493178359E-2</v>
      </c>
      <c r="I83" s="74">
        <v>148</v>
      </c>
      <c r="J83" s="75">
        <v>71.004441907742375</v>
      </c>
      <c r="K83" s="76">
        <v>3.5672000000000001</v>
      </c>
      <c r="L83" s="304">
        <v>0.23752139106180825</v>
      </c>
      <c r="M83" s="305">
        <v>6.9714327287791325E-2</v>
      </c>
      <c r="N83" s="306">
        <v>0.47973983835705225</v>
      </c>
      <c r="O83" s="305">
        <v>8.104755678173188E-2</v>
      </c>
      <c r="P83" s="74">
        <v>148</v>
      </c>
      <c r="Q83" s="75">
        <v>72.589391285250983</v>
      </c>
      <c r="R83" s="76">
        <v>3.6064000000000003</v>
      </c>
      <c r="S83" s="304">
        <v>0.2189529344507064</v>
      </c>
      <c r="T83" s="305">
        <v>6.7884398809402821E-2</v>
      </c>
      <c r="U83" s="306">
        <v>0.5232796287065139</v>
      </c>
      <c r="V83" s="305">
        <v>8.1027319434195791E-2</v>
      </c>
      <c r="W83" s="74">
        <v>146</v>
      </c>
      <c r="X83" s="75">
        <v>75.422221400459364</v>
      </c>
      <c r="Y83" s="76">
        <v>3.7631999999999999</v>
      </c>
      <c r="Z83" s="304">
        <v>0.1996318641118229</v>
      </c>
      <c r="AA83" s="305">
        <v>6.6237273162824101E-2</v>
      </c>
      <c r="AB83" s="306">
        <v>0.61785724190333469</v>
      </c>
      <c r="AC83" s="305">
        <v>7.9471690646837609E-2</v>
      </c>
      <c r="AD83" s="74">
        <v>148</v>
      </c>
      <c r="AE83" s="75">
        <v>83.573422214385261</v>
      </c>
      <c r="AF83" s="76">
        <v>2.94</v>
      </c>
      <c r="AG83" s="304">
        <v>0.11646190267052656</v>
      </c>
      <c r="AH83" s="305">
        <v>5.3934375283301528E-2</v>
      </c>
      <c r="AI83" s="306">
        <v>0.77118146827378065</v>
      </c>
      <c r="AJ83" s="305">
        <v>6.8878263673616422E-2</v>
      </c>
      <c r="AK83" s="74">
        <v>148</v>
      </c>
      <c r="AL83" s="75">
        <v>76.246546828105181</v>
      </c>
      <c r="AM83" s="76">
        <v>3.5084</v>
      </c>
      <c r="AN83" s="304">
        <v>0.21008357911034597</v>
      </c>
      <c r="AO83" s="305">
        <v>6.6947352894061535E-2</v>
      </c>
      <c r="AP83" s="306">
        <v>0.56448235720152373</v>
      </c>
      <c r="AQ83" s="305">
        <v>8.0468690688639183E-2</v>
      </c>
      <c r="AR83" s="74">
        <v>148</v>
      </c>
      <c r="AS83" s="75">
        <v>68.486715559449166</v>
      </c>
      <c r="AT83" s="76">
        <v>3.7827999999999999</v>
      </c>
      <c r="AU83" s="304">
        <v>0.27807653808730742</v>
      </c>
      <c r="AV83" s="305">
        <v>7.3145129143063384E-2</v>
      </c>
      <c r="AW83" s="306">
        <v>0.41019212999624721</v>
      </c>
      <c r="AX83" s="305">
        <v>7.9860644833864722E-2</v>
      </c>
    </row>
    <row r="84" spans="1:50">
      <c r="A84" s="57" t="s">
        <v>444</v>
      </c>
      <c r="B84" s="71">
        <v>88</v>
      </c>
      <c r="C84" s="72">
        <v>75.542221637635407</v>
      </c>
      <c r="D84" s="73">
        <v>3.92</v>
      </c>
      <c r="E84" s="301">
        <v>0.16173291633439038</v>
      </c>
      <c r="F84" s="302">
        <v>7.9484492177973473E-2</v>
      </c>
      <c r="G84" s="303">
        <v>0.50239117738491312</v>
      </c>
      <c r="H84" s="302">
        <v>0.10425611621220263</v>
      </c>
      <c r="I84" s="71">
        <v>88</v>
      </c>
      <c r="J84" s="72">
        <v>71.013520973642358</v>
      </c>
      <c r="K84" s="73">
        <v>4.4492000000000003</v>
      </c>
      <c r="L84" s="301">
        <v>0.26840904253260484</v>
      </c>
      <c r="M84" s="302">
        <v>9.3466594495527938E-2</v>
      </c>
      <c r="N84" s="303">
        <v>0.45422829930281955</v>
      </c>
      <c r="O84" s="302">
        <v>0.10385675108549416</v>
      </c>
      <c r="P84" s="71">
        <v>88</v>
      </c>
      <c r="Q84" s="72">
        <v>69.061547005346426</v>
      </c>
      <c r="R84" s="73">
        <v>4.9000000000000004</v>
      </c>
      <c r="S84" s="301">
        <v>0.30417451772754234</v>
      </c>
      <c r="T84" s="302">
        <v>9.6664922221934041E-2</v>
      </c>
      <c r="U84" s="303">
        <v>0.44258031733255687</v>
      </c>
      <c r="V84" s="302">
        <v>0.10362630287177708</v>
      </c>
      <c r="W84" s="71">
        <v>86</v>
      </c>
      <c r="X84" s="72">
        <v>74.182405193611245</v>
      </c>
      <c r="Y84" s="73">
        <v>4.6452</v>
      </c>
      <c r="Z84" s="301">
        <v>0.22523817483859274</v>
      </c>
      <c r="AA84" s="302">
        <v>8.9707524402643082E-2</v>
      </c>
      <c r="AB84" s="303">
        <v>0.58803977867778112</v>
      </c>
      <c r="AC84" s="302">
        <v>0.10390651027821157</v>
      </c>
      <c r="AD84" s="71">
        <v>88</v>
      </c>
      <c r="AE84" s="72">
        <v>83.076387712634116</v>
      </c>
      <c r="AF84" s="73">
        <v>3.5868000000000002</v>
      </c>
      <c r="AG84" s="301">
        <v>0.1196923280640933</v>
      </c>
      <c r="AH84" s="302">
        <v>7.1526683276504452E-2</v>
      </c>
      <c r="AI84" s="303">
        <v>0.77967348419989935</v>
      </c>
      <c r="AJ84" s="302">
        <v>8.8080097984073971E-2</v>
      </c>
      <c r="AK84" s="71">
        <v>88</v>
      </c>
      <c r="AL84" s="72">
        <v>75.521411403847907</v>
      </c>
      <c r="AM84" s="73">
        <v>4.4492000000000003</v>
      </c>
      <c r="AN84" s="301">
        <v>0.2250639156033139</v>
      </c>
      <c r="AO84" s="302">
        <v>8.8671422779551243E-2</v>
      </c>
      <c r="AP84" s="303">
        <v>0.52202556733410832</v>
      </c>
      <c r="AQ84" s="302">
        <v>0.10416461515483488</v>
      </c>
      <c r="AR84" s="71">
        <v>88</v>
      </c>
      <c r="AS84" s="72">
        <v>65.267652813907858</v>
      </c>
      <c r="AT84" s="73">
        <v>4.9391999999999996</v>
      </c>
      <c r="AU84" s="301">
        <v>0.31572191249324849</v>
      </c>
      <c r="AV84" s="302">
        <v>9.7563869468712705E-2</v>
      </c>
      <c r="AW84" s="303">
        <v>0.35087494997677315</v>
      </c>
      <c r="AX84" s="302">
        <v>9.9924633478493619E-2</v>
      </c>
    </row>
    <row r="85" spans="1:50">
      <c r="A85" s="49" t="s">
        <v>454</v>
      </c>
      <c r="B85" s="74">
        <v>258</v>
      </c>
      <c r="C85" s="75">
        <v>75.226693524058632</v>
      </c>
      <c r="D85" s="76">
        <v>2.4500000000000002</v>
      </c>
      <c r="E85" s="304">
        <v>0.18357015671669732</v>
      </c>
      <c r="F85" s="305">
        <v>4.8316095751252855E-2</v>
      </c>
      <c r="G85" s="306">
        <v>0.54331773263701666</v>
      </c>
      <c r="H85" s="305">
        <v>6.1554969180540424E-2</v>
      </c>
      <c r="I85" s="74">
        <v>256</v>
      </c>
      <c r="J85" s="75">
        <v>67.916421407803199</v>
      </c>
      <c r="K85" s="76">
        <v>2.5087999999999999</v>
      </c>
      <c r="L85" s="304">
        <v>0.32920141304092604</v>
      </c>
      <c r="M85" s="305">
        <v>5.8404233629524939E-2</v>
      </c>
      <c r="N85" s="306">
        <v>0.39619411840481483</v>
      </c>
      <c r="O85" s="305">
        <v>6.0707792846056353E-2</v>
      </c>
      <c r="P85" s="74">
        <v>253</v>
      </c>
      <c r="Q85" s="75">
        <v>67.504361151233752</v>
      </c>
      <c r="R85" s="76">
        <v>2.6459999999999999</v>
      </c>
      <c r="S85" s="304">
        <v>0.30190162014222127</v>
      </c>
      <c r="T85" s="305">
        <v>5.7438052775297121E-2</v>
      </c>
      <c r="U85" s="306">
        <v>0.39654843931606154</v>
      </c>
      <c r="V85" s="305">
        <v>6.1070645478529959E-2</v>
      </c>
      <c r="W85" s="74">
        <v>257</v>
      </c>
      <c r="X85" s="75">
        <v>72.267944466517605</v>
      </c>
      <c r="Y85" s="76">
        <v>2.8420000000000001</v>
      </c>
      <c r="Z85" s="304">
        <v>0.2858892254329638</v>
      </c>
      <c r="AA85" s="305">
        <v>5.6126700006831169E-2</v>
      </c>
      <c r="AB85" s="306">
        <v>0.56203557261984682</v>
      </c>
      <c r="AC85" s="305">
        <v>6.1434779025924105E-2</v>
      </c>
      <c r="AD85" s="74">
        <v>258</v>
      </c>
      <c r="AE85" s="75">
        <v>84.013760754097461</v>
      </c>
      <c r="AF85" s="76">
        <v>2.1756000000000002</v>
      </c>
      <c r="AG85" s="304">
        <v>0.11570904793622057</v>
      </c>
      <c r="AH85" s="305">
        <v>4.0378994773254726E-2</v>
      </c>
      <c r="AI85" s="306">
        <v>0.72736650737237829</v>
      </c>
      <c r="AJ85" s="305">
        <v>5.5240060584020756E-2</v>
      </c>
      <c r="AK85" s="74">
        <v>256</v>
      </c>
      <c r="AL85" s="75">
        <v>68.687894964106619</v>
      </c>
      <c r="AM85" s="76">
        <v>2.8420000000000001</v>
      </c>
      <c r="AN85" s="304">
        <v>0.3122884862318005</v>
      </c>
      <c r="AO85" s="305">
        <v>5.7624810428281499E-2</v>
      </c>
      <c r="AP85" s="306">
        <v>0.43328746925987494</v>
      </c>
      <c r="AQ85" s="305">
        <v>6.1479868527038566E-2</v>
      </c>
      <c r="AR85" s="74">
        <v>256</v>
      </c>
      <c r="AS85" s="75">
        <v>66.828883532966117</v>
      </c>
      <c r="AT85" s="76">
        <v>2.9988000000000001</v>
      </c>
      <c r="AU85" s="304">
        <v>0.29496168702724213</v>
      </c>
      <c r="AV85" s="305">
        <v>5.6737302890068612E-2</v>
      </c>
      <c r="AW85" s="306">
        <v>0.46152703627831682</v>
      </c>
      <c r="AX85" s="305">
        <v>6.1839124332819378E-2</v>
      </c>
    </row>
    <row r="86" spans="1:50" s="5" customFormat="1" ht="25.5">
      <c r="A86" s="57" t="s">
        <v>445</v>
      </c>
      <c r="B86" s="71">
        <v>112</v>
      </c>
      <c r="C86" s="72">
        <v>74.839569599728904</v>
      </c>
      <c r="D86" s="73">
        <v>3.92</v>
      </c>
      <c r="E86" s="301">
        <v>0.18091551475776035</v>
      </c>
      <c r="F86" s="302">
        <v>7.3128546485145524E-2</v>
      </c>
      <c r="G86" s="303">
        <v>0.60381218098932365</v>
      </c>
      <c r="H86" s="302">
        <v>9.0962943543461405E-2</v>
      </c>
      <c r="I86" s="71">
        <v>111</v>
      </c>
      <c r="J86" s="72">
        <v>68.195502447852519</v>
      </c>
      <c r="K86" s="73">
        <v>3.7631999999999999</v>
      </c>
      <c r="L86" s="301">
        <v>0.3227945814337948</v>
      </c>
      <c r="M86" s="302">
        <v>8.7624638014210013E-2</v>
      </c>
      <c r="N86" s="303">
        <v>0.38097760806159159</v>
      </c>
      <c r="O86" s="302">
        <v>9.0755671075283775E-2</v>
      </c>
      <c r="P86" s="71">
        <v>111</v>
      </c>
      <c r="Q86" s="72">
        <v>70.682603309834974</v>
      </c>
      <c r="R86" s="73">
        <v>3.8611999999999997</v>
      </c>
      <c r="S86" s="301">
        <v>0.24364045524010616</v>
      </c>
      <c r="T86" s="302">
        <v>8.1030775614823192E-2</v>
      </c>
      <c r="U86" s="303">
        <v>0.38430924108387721</v>
      </c>
      <c r="V86" s="302">
        <v>9.0895169594432987E-2</v>
      </c>
      <c r="W86" s="71">
        <v>112</v>
      </c>
      <c r="X86" s="72">
        <v>78.208446525599683</v>
      </c>
      <c r="Y86" s="73">
        <v>4.4295999999999998</v>
      </c>
      <c r="Z86" s="301">
        <v>0.18044170723061628</v>
      </c>
      <c r="AA86" s="302">
        <v>7.3062009562266064E-2</v>
      </c>
      <c r="AB86" s="303">
        <v>0.69457795153379187</v>
      </c>
      <c r="AC86" s="302">
        <v>8.6044390444389662E-2</v>
      </c>
      <c r="AD86" s="71">
        <v>112</v>
      </c>
      <c r="AE86" s="72">
        <v>82.881297439124538</v>
      </c>
      <c r="AF86" s="73">
        <v>3.2927999999999997</v>
      </c>
      <c r="AG86" s="301">
        <v>0.11726883413377567</v>
      </c>
      <c r="AH86" s="302">
        <v>6.2545145961316495E-2</v>
      </c>
      <c r="AI86" s="303">
        <v>0.73546653008976304</v>
      </c>
      <c r="AJ86" s="302">
        <v>8.2694565568067119E-2</v>
      </c>
      <c r="AK86" s="71">
        <v>111</v>
      </c>
      <c r="AL86" s="72">
        <v>70.792608183863294</v>
      </c>
      <c r="AM86" s="73">
        <v>4.2139999999999995</v>
      </c>
      <c r="AN86" s="301">
        <v>0.27432578187103951</v>
      </c>
      <c r="AO86" s="302">
        <v>8.3936292349821293E-2</v>
      </c>
      <c r="AP86" s="303">
        <v>0.43137094869224935</v>
      </c>
      <c r="AQ86" s="302">
        <v>9.2428492416261318E-2</v>
      </c>
      <c r="AR86" s="71">
        <v>111</v>
      </c>
      <c r="AS86" s="72">
        <v>68.428122049235938</v>
      </c>
      <c r="AT86" s="73">
        <v>4.2336</v>
      </c>
      <c r="AU86" s="301">
        <v>0.22606082529626295</v>
      </c>
      <c r="AV86" s="302">
        <v>7.9144754436202405E-2</v>
      </c>
      <c r="AW86" s="303">
        <v>0.44055878646391156</v>
      </c>
      <c r="AX86" s="302">
        <v>9.2634533769807736E-2</v>
      </c>
    </row>
    <row r="87" spans="1:50" s="5" customFormat="1">
      <c r="A87" s="49" t="s">
        <v>471</v>
      </c>
      <c r="B87" s="74">
        <v>90</v>
      </c>
      <c r="C87" s="75">
        <v>79.356055372164917</v>
      </c>
      <c r="D87" s="76">
        <v>3.4299999999999997</v>
      </c>
      <c r="E87" s="304">
        <v>0.10466670200667139</v>
      </c>
      <c r="F87" s="305">
        <v>6.7392064154954814E-2</v>
      </c>
      <c r="G87" s="306">
        <v>0.53169181150303846</v>
      </c>
      <c r="H87" s="305">
        <v>0.10295202120935852</v>
      </c>
      <c r="I87" s="74">
        <v>90</v>
      </c>
      <c r="J87" s="75">
        <v>72.442364053475202</v>
      </c>
      <c r="K87" s="76">
        <v>4.2336</v>
      </c>
      <c r="L87" s="304">
        <v>0.21324782924869992</v>
      </c>
      <c r="M87" s="305">
        <v>8.6201723969533961E-2</v>
      </c>
      <c r="N87" s="306">
        <v>0.48200360925953473</v>
      </c>
      <c r="O87" s="305">
        <v>0.10308086205680686</v>
      </c>
      <c r="P87" s="74">
        <v>90</v>
      </c>
      <c r="Q87" s="75">
        <v>67.006736977382999</v>
      </c>
      <c r="R87" s="76">
        <v>4.41</v>
      </c>
      <c r="S87" s="304">
        <v>0.29568399739263557</v>
      </c>
      <c r="T87" s="305">
        <v>9.492038067366175E-2</v>
      </c>
      <c r="U87" s="306">
        <v>0.37061165641817412</v>
      </c>
      <c r="V87" s="305">
        <v>9.9926172096473836E-2</v>
      </c>
      <c r="W87" s="74">
        <v>89</v>
      </c>
      <c r="X87" s="75">
        <v>67.242529505160817</v>
      </c>
      <c r="Y87" s="76">
        <v>4.7824</v>
      </c>
      <c r="Z87" s="304">
        <v>0.30999526406620254</v>
      </c>
      <c r="AA87" s="305">
        <v>9.6595141323864778E-2</v>
      </c>
      <c r="AB87" s="306">
        <v>0.43143002848200185</v>
      </c>
      <c r="AC87" s="305">
        <v>0.10279825118672359</v>
      </c>
      <c r="AD87" s="74">
        <v>90</v>
      </c>
      <c r="AE87" s="75">
        <v>84.615712383659982</v>
      </c>
      <c r="AF87" s="76">
        <v>3.3319999999999999</v>
      </c>
      <c r="AG87" s="304">
        <v>8.8091711490672228E-2</v>
      </c>
      <c r="AH87" s="305">
        <v>6.3401522808380378E-2</v>
      </c>
      <c r="AI87" s="306">
        <v>0.71447010857580706</v>
      </c>
      <c r="AJ87" s="305">
        <v>9.4042533667097195E-2</v>
      </c>
      <c r="AK87" s="74">
        <v>89</v>
      </c>
      <c r="AL87" s="75">
        <v>67.803701022202617</v>
      </c>
      <c r="AM87" s="76">
        <v>4.8020000000000005</v>
      </c>
      <c r="AN87" s="304">
        <v>0.27569510293211796</v>
      </c>
      <c r="AO87" s="305">
        <v>9.365280458954954E-2</v>
      </c>
      <c r="AP87" s="306">
        <v>0.43653530596039397</v>
      </c>
      <c r="AQ87" s="305">
        <v>0.10292731669925793</v>
      </c>
      <c r="AR87" s="74">
        <v>89</v>
      </c>
      <c r="AS87" s="75">
        <v>71.383265947714349</v>
      </c>
      <c r="AT87" s="76">
        <v>4.7628000000000004</v>
      </c>
      <c r="AU87" s="304">
        <v>0.22928066826651222</v>
      </c>
      <c r="AV87" s="305">
        <v>8.8689355348234869E-2</v>
      </c>
      <c r="AW87" s="306">
        <v>0.53841438151263699</v>
      </c>
      <c r="AX87" s="305">
        <v>0.10341451081053163</v>
      </c>
    </row>
    <row r="88" spans="1:50" s="5" customFormat="1" ht="25.5">
      <c r="A88" s="57" t="s">
        <v>442</v>
      </c>
      <c r="B88" s="71">
        <v>114</v>
      </c>
      <c r="C88" s="72">
        <v>73.574015730402976</v>
      </c>
      <c r="D88" s="73">
        <v>3.8415999999999997</v>
      </c>
      <c r="E88" s="301">
        <v>0.22990115739359587</v>
      </c>
      <c r="F88" s="302">
        <v>7.8526423715346072E-2</v>
      </c>
      <c r="G88" s="303">
        <v>0.59197534210525993</v>
      </c>
      <c r="H88" s="302">
        <v>9.0592089801260975E-2</v>
      </c>
      <c r="I88" s="71">
        <v>113</v>
      </c>
      <c r="J88" s="72">
        <v>63.032272583827996</v>
      </c>
      <c r="K88" s="73">
        <v>4.2139999999999995</v>
      </c>
      <c r="L88" s="301">
        <v>0.43797355392350101</v>
      </c>
      <c r="M88" s="302">
        <v>9.1784080530181542E-2</v>
      </c>
      <c r="N88" s="303">
        <v>0.33487310184952701</v>
      </c>
      <c r="O88" s="302">
        <v>8.7621103549698057E-2</v>
      </c>
      <c r="P88" s="71">
        <v>110</v>
      </c>
      <c r="Q88" s="72">
        <v>67.621825796253006</v>
      </c>
      <c r="R88" s="73">
        <v>4.1943999999999999</v>
      </c>
      <c r="S88" s="301">
        <v>0.33032453988265187</v>
      </c>
      <c r="T88" s="302">
        <v>8.8495242796921988E-2</v>
      </c>
      <c r="U88" s="303">
        <v>0.53805074111961493</v>
      </c>
      <c r="V88" s="302">
        <v>9.3405729322925873E-2</v>
      </c>
      <c r="W88" s="71">
        <v>113</v>
      </c>
      <c r="X88" s="72">
        <v>71.953356590414145</v>
      </c>
      <c r="Y88" s="73">
        <v>4.1355999999999993</v>
      </c>
      <c r="Z88" s="301">
        <v>0.35237149695829151</v>
      </c>
      <c r="AA88" s="302">
        <v>8.8611425162785792E-2</v>
      </c>
      <c r="AB88" s="303">
        <v>0.50838450336940677</v>
      </c>
      <c r="AC88" s="302">
        <v>9.2437907043908057E-2</v>
      </c>
      <c r="AD88" s="71">
        <v>113</v>
      </c>
      <c r="AE88" s="72">
        <v>81.60440152535682</v>
      </c>
      <c r="AF88" s="73">
        <v>3.6064000000000003</v>
      </c>
      <c r="AG88" s="301">
        <v>0.16358287506564997</v>
      </c>
      <c r="AH88" s="302">
        <v>7.0269273973245519E-2</v>
      </c>
      <c r="AI88" s="303">
        <v>0.69675201043506019</v>
      </c>
      <c r="AJ88" s="302">
        <v>8.551309788848821E-2</v>
      </c>
      <c r="AK88" s="71">
        <v>114</v>
      </c>
      <c r="AL88" s="72">
        <v>65.688076724907532</v>
      </c>
      <c r="AM88" s="73">
        <v>4.3904000000000005</v>
      </c>
      <c r="AN88" s="301">
        <v>0.41159770663760503</v>
      </c>
      <c r="AO88" s="302">
        <v>9.070456467451668E-2</v>
      </c>
      <c r="AP88" s="303">
        <v>0.38723916355574634</v>
      </c>
      <c r="AQ88" s="302">
        <v>8.9845897699139671E-2</v>
      </c>
      <c r="AR88" s="71">
        <v>114</v>
      </c>
      <c r="AS88" s="72">
        <v>64.337272866655411</v>
      </c>
      <c r="AT88" s="73">
        <v>4.9195999999999991</v>
      </c>
      <c r="AU88" s="301">
        <v>0.41035855183378223</v>
      </c>
      <c r="AV88" s="302">
        <v>9.0666078126727973E-2</v>
      </c>
      <c r="AW88" s="303">
        <v>0.43560856279668531</v>
      </c>
      <c r="AX88" s="302">
        <v>9.1342172960382259E-2</v>
      </c>
    </row>
    <row r="90" spans="1:50" ht="18.75">
      <c r="A90" s="367" t="s">
        <v>286</v>
      </c>
      <c r="B90" s="367"/>
      <c r="C90" s="367"/>
      <c r="D90" s="367"/>
      <c r="E90" s="367"/>
      <c r="F90" s="367"/>
      <c r="G90" s="367"/>
      <c r="H90" s="367"/>
    </row>
    <row r="91" spans="1:50" ht="72.75" customHeight="1">
      <c r="A91" s="366" t="s">
        <v>290</v>
      </c>
      <c r="B91" s="366"/>
      <c r="C91" s="366"/>
      <c r="D91" s="366"/>
      <c r="E91" s="366"/>
      <c r="F91" s="366"/>
      <c r="G91" s="366"/>
      <c r="H91" s="366"/>
    </row>
    <row r="92" spans="1:50" ht="33" customHeight="1">
      <c r="A92" s="358" t="s">
        <v>287</v>
      </c>
      <c r="B92" s="359"/>
      <c r="C92" s="359"/>
      <c r="D92" s="359"/>
      <c r="E92" s="359"/>
      <c r="F92" s="359"/>
      <c r="G92" s="359"/>
      <c r="H92" s="360"/>
    </row>
    <row r="93" spans="1:50" ht="42" customHeight="1">
      <c r="A93" s="37" t="s">
        <v>85</v>
      </c>
      <c r="B93" s="38" t="s">
        <v>86</v>
      </c>
      <c r="C93" s="39" t="s">
        <v>87</v>
      </c>
      <c r="D93" s="40" t="s">
        <v>88</v>
      </c>
      <c r="E93" s="39" t="s">
        <v>409</v>
      </c>
      <c r="F93" s="40" t="s">
        <v>413</v>
      </c>
      <c r="G93" s="39" t="s">
        <v>411</v>
      </c>
      <c r="H93" s="40" t="s">
        <v>414</v>
      </c>
    </row>
    <row r="94" spans="1:50" ht="109.5" customHeight="1">
      <c r="A94" s="41"/>
      <c r="B94" s="42" t="s">
        <v>89</v>
      </c>
      <c r="C94" s="43" t="s">
        <v>293</v>
      </c>
      <c r="D94" s="44" t="s">
        <v>91</v>
      </c>
      <c r="E94" s="43" t="s">
        <v>410</v>
      </c>
      <c r="F94" s="91" t="s">
        <v>104</v>
      </c>
      <c r="G94" s="43" t="s">
        <v>412</v>
      </c>
      <c r="H94" s="91" t="s">
        <v>104</v>
      </c>
    </row>
    <row r="95" spans="1:50">
      <c r="A95" s="45" t="s">
        <v>430</v>
      </c>
      <c r="B95" s="77">
        <v>8473</v>
      </c>
      <c r="C95" s="78">
        <v>70.806989823608035</v>
      </c>
      <c r="D95" s="79">
        <v>0.51492840677209151</v>
      </c>
      <c r="E95" s="308">
        <v>0.24759942993317427</v>
      </c>
      <c r="F95" s="309">
        <v>9.3773112832664183E-3</v>
      </c>
      <c r="G95" s="308">
        <v>0.48110213296680271</v>
      </c>
      <c r="H95" s="309">
        <v>1.0853474272107861E-2</v>
      </c>
    </row>
    <row r="96" spans="1:50">
      <c r="A96" s="49" t="s">
        <v>431</v>
      </c>
      <c r="B96" s="80">
        <v>7880</v>
      </c>
      <c r="C96" s="81">
        <v>70.44400108077626</v>
      </c>
      <c r="D96" s="82">
        <v>0.54099223729664803</v>
      </c>
      <c r="E96" s="310">
        <v>0.2534547164679693</v>
      </c>
      <c r="F96" s="311">
        <v>9.7995404287269244E-3</v>
      </c>
      <c r="G96" s="310">
        <v>0.47528367173406427</v>
      </c>
      <c r="H96" s="311">
        <v>1.1248535004562479E-2</v>
      </c>
    </row>
    <row r="97" spans="1:8" s="5" customFormat="1">
      <c r="A97" s="45" t="s">
        <v>432</v>
      </c>
      <c r="B97" s="77">
        <v>761</v>
      </c>
      <c r="C97" s="78">
        <v>65.640626999999995</v>
      </c>
      <c r="D97" s="79">
        <v>1.7664499999999999</v>
      </c>
      <c r="E97" s="308">
        <v>0.318</v>
      </c>
      <c r="F97" s="309">
        <v>3.3701611773795291E-2</v>
      </c>
      <c r="G97" s="308">
        <v>0.373</v>
      </c>
      <c r="H97" s="309">
        <v>3.498191714501106E-2</v>
      </c>
    </row>
    <row r="98" spans="1:8" s="5" customFormat="1">
      <c r="A98" s="49" t="s">
        <v>433</v>
      </c>
      <c r="B98" s="80">
        <v>103</v>
      </c>
      <c r="C98" s="81">
        <v>65.053101701094832</v>
      </c>
      <c r="D98" s="82">
        <v>4.8601409619550493</v>
      </c>
      <c r="E98" s="310">
        <v>0.28893287345017538</v>
      </c>
      <c r="F98" s="311">
        <v>8.8332253289994514E-2</v>
      </c>
      <c r="G98" s="310">
        <v>0.30729454198419498</v>
      </c>
      <c r="H98" s="311">
        <v>8.9774210581468256E-2</v>
      </c>
    </row>
    <row r="99" spans="1:8" s="5" customFormat="1">
      <c r="A99" s="45" t="s">
        <v>434</v>
      </c>
      <c r="B99" s="77">
        <v>2271</v>
      </c>
      <c r="C99" s="78">
        <v>72.588878606981908</v>
      </c>
      <c r="D99" s="79">
        <v>0.96375057156916322</v>
      </c>
      <c r="E99" s="308">
        <v>0.22011766510652336</v>
      </c>
      <c r="F99" s="309">
        <v>1.7387179669963858E-2</v>
      </c>
      <c r="G99" s="308">
        <v>0.49674387148218269</v>
      </c>
      <c r="H99" s="309">
        <v>2.0965253719443713E-2</v>
      </c>
    </row>
    <row r="100" spans="1:8" s="5" customFormat="1">
      <c r="A100" s="49" t="s">
        <v>435</v>
      </c>
      <c r="B100" s="80">
        <v>2214</v>
      </c>
      <c r="C100" s="81">
        <v>72.612948000000003</v>
      </c>
      <c r="D100" s="82">
        <v>0.93563344000000004</v>
      </c>
      <c r="E100" s="310">
        <v>0.219</v>
      </c>
      <c r="F100" s="311">
        <v>1.7577526018834517E-2</v>
      </c>
      <c r="G100" s="310">
        <v>0.49299999999999999</v>
      </c>
      <c r="H100" s="311">
        <v>2.1231311267466215E-2</v>
      </c>
    </row>
    <row r="101" spans="1:8" s="5" customFormat="1">
      <c r="A101" s="45" t="s">
        <v>452</v>
      </c>
      <c r="B101" s="77">
        <v>44</v>
      </c>
      <c r="C101" s="78">
        <v>66.220704977283361</v>
      </c>
      <c r="D101" s="79">
        <v>8.9391260611458279</v>
      </c>
      <c r="E101" s="308">
        <v>0.31874865068055663</v>
      </c>
      <c r="F101" s="309">
        <v>0.13613570161815344</v>
      </c>
      <c r="G101" s="308">
        <v>0.40776212680556989</v>
      </c>
      <c r="H101" s="309">
        <v>0.14225887889806307</v>
      </c>
    </row>
    <row r="102" spans="1:8" s="5" customFormat="1">
      <c r="A102" s="49" t="s">
        <v>172</v>
      </c>
      <c r="B102" s="80">
        <v>209</v>
      </c>
      <c r="C102" s="81">
        <v>76.518656554510358</v>
      </c>
      <c r="D102" s="82">
        <v>2.899318556201631</v>
      </c>
      <c r="E102" s="310">
        <v>0.17014315861096244</v>
      </c>
      <c r="F102" s="311">
        <v>5.2226067874320097E-2</v>
      </c>
      <c r="G102" s="310">
        <v>0.58391353402236179</v>
      </c>
      <c r="H102" s="311">
        <v>6.7583438856736427E-2</v>
      </c>
    </row>
    <row r="103" spans="1:8" s="5" customFormat="1" ht="25.5">
      <c r="A103" s="45" t="s">
        <v>436</v>
      </c>
      <c r="B103" s="77">
        <v>84</v>
      </c>
      <c r="C103" s="78">
        <v>74.350637714328158</v>
      </c>
      <c r="D103" s="79">
        <v>4.8425781717200254</v>
      </c>
      <c r="E103" s="308">
        <v>0.19937143908960334</v>
      </c>
      <c r="F103" s="309">
        <v>8.729570362416364E-2</v>
      </c>
      <c r="G103" s="308">
        <v>0.52922354791830095</v>
      </c>
      <c r="H103" s="309">
        <v>0.10643432835394763</v>
      </c>
    </row>
    <row r="104" spans="1:8" s="5" customFormat="1" ht="25.5">
      <c r="A104" s="49" t="s">
        <v>437</v>
      </c>
      <c r="B104" s="80">
        <v>101</v>
      </c>
      <c r="C104" s="81">
        <v>77.193707469265604</v>
      </c>
      <c r="D104" s="82">
        <v>3.9132065494109969</v>
      </c>
      <c r="E104" s="310">
        <v>0.17055732065914356</v>
      </c>
      <c r="F104" s="311">
        <v>7.5486777102873714E-2</v>
      </c>
      <c r="G104" s="310">
        <v>0.57241692694321777</v>
      </c>
      <c r="H104" s="311">
        <v>9.6638301980134636E-2</v>
      </c>
    </row>
    <row r="105" spans="1:8" s="5" customFormat="1">
      <c r="A105" s="45" t="s">
        <v>453</v>
      </c>
      <c r="B105" s="77">
        <v>476</v>
      </c>
      <c r="C105" s="78">
        <v>72.989181565055915</v>
      </c>
      <c r="D105" s="79">
        <v>2.1696427080868612</v>
      </c>
      <c r="E105" s="308">
        <v>0.23105537794354963</v>
      </c>
      <c r="F105" s="309">
        <v>3.8607996519336864E-2</v>
      </c>
      <c r="G105" s="308">
        <v>0.51827874494484971</v>
      </c>
      <c r="H105" s="309">
        <v>4.561354265483452E-2</v>
      </c>
    </row>
    <row r="106" spans="1:8" s="5" customFormat="1" ht="25.5">
      <c r="A106" s="49" t="s">
        <v>438</v>
      </c>
      <c r="B106" s="80">
        <v>67</v>
      </c>
      <c r="C106" s="81">
        <v>74.380360018912654</v>
      </c>
      <c r="D106" s="82">
        <v>5.1108391166321461</v>
      </c>
      <c r="E106" s="310">
        <v>0.1518491638213561</v>
      </c>
      <c r="F106" s="311">
        <v>8.9462757616100633E-2</v>
      </c>
      <c r="G106" s="310">
        <v>0.56830360404275815</v>
      </c>
      <c r="H106" s="311">
        <v>0.11768793463282849</v>
      </c>
    </row>
    <row r="107" spans="1:8" ht="25.5">
      <c r="A107" s="45" t="s">
        <v>439</v>
      </c>
      <c r="B107" s="83">
        <v>72</v>
      </c>
      <c r="C107" s="84">
        <v>78.373988620439036</v>
      </c>
      <c r="D107" s="85">
        <v>4.1970517758575001</v>
      </c>
      <c r="E107" s="312">
        <v>0.15929123902150868</v>
      </c>
      <c r="F107" s="313">
        <v>8.760413004792425E-2</v>
      </c>
      <c r="G107" s="312">
        <v>0.54697168527877327</v>
      </c>
      <c r="H107" s="313">
        <v>0.11425267364660434</v>
      </c>
    </row>
    <row r="108" spans="1:8">
      <c r="A108" s="49" t="s">
        <v>440</v>
      </c>
      <c r="B108" s="80">
        <v>76</v>
      </c>
      <c r="C108" s="81">
        <v>74.380741473681226</v>
      </c>
      <c r="D108" s="82">
        <v>4.8150392379164346</v>
      </c>
      <c r="E108" s="310">
        <v>0.21888460930215514</v>
      </c>
      <c r="F108" s="311">
        <v>9.4519616679369839E-2</v>
      </c>
      <c r="G108" s="310">
        <v>0.49941688177285676</v>
      </c>
      <c r="H108" s="311">
        <v>0.11180333025580068</v>
      </c>
    </row>
    <row r="109" spans="1:8">
      <c r="A109" s="57" t="s">
        <v>441</v>
      </c>
      <c r="B109" s="77">
        <v>58</v>
      </c>
      <c r="C109" s="78">
        <v>82.205111186343927</v>
      </c>
      <c r="D109" s="79">
        <v>5.255599881746436</v>
      </c>
      <c r="E109" s="308">
        <v>0.14798839911449396</v>
      </c>
      <c r="F109" s="309">
        <v>9.5566472771634617E-2</v>
      </c>
      <c r="G109" s="308">
        <v>0.72057938142834965</v>
      </c>
      <c r="H109" s="309">
        <v>0.11568040392203398</v>
      </c>
    </row>
    <row r="110" spans="1:8" ht="25.5">
      <c r="A110" s="49" t="s">
        <v>442</v>
      </c>
      <c r="B110" s="80">
        <v>102</v>
      </c>
      <c r="C110" s="81">
        <v>66.444830583220593</v>
      </c>
      <c r="D110" s="82">
        <v>5.6506394480851645</v>
      </c>
      <c r="E110" s="310">
        <v>0.32429562183739769</v>
      </c>
      <c r="F110" s="311">
        <v>9.1407025516963308E-2</v>
      </c>
      <c r="G110" s="310">
        <v>0.48557340545042904</v>
      </c>
      <c r="H110" s="311">
        <v>9.7091142683053397E-2</v>
      </c>
    </row>
    <row r="111" spans="1:8">
      <c r="A111" s="57" t="s">
        <v>443</v>
      </c>
      <c r="B111" s="77">
        <v>149</v>
      </c>
      <c r="C111" s="78">
        <v>66.897115948909473</v>
      </c>
      <c r="D111" s="79">
        <v>4.3981257647853438</v>
      </c>
      <c r="E111" s="308">
        <v>0.30077331164105781</v>
      </c>
      <c r="F111" s="309">
        <v>7.4510508702325701E-2</v>
      </c>
      <c r="G111" s="308">
        <v>0.42002908377550957</v>
      </c>
      <c r="H111" s="309">
        <v>7.985848244494502E-2</v>
      </c>
    </row>
    <row r="112" spans="1:8">
      <c r="A112" s="49" t="s">
        <v>455</v>
      </c>
      <c r="B112" s="80">
        <v>124</v>
      </c>
      <c r="C112" s="81">
        <v>74.588013783474807</v>
      </c>
      <c r="D112" s="82">
        <v>3.8173155955739118</v>
      </c>
      <c r="E112" s="310">
        <v>0.20889362124935124</v>
      </c>
      <c r="F112" s="311">
        <v>7.2987745594624939E-2</v>
      </c>
      <c r="G112" s="310">
        <v>0.49523212967612174</v>
      </c>
      <c r="H112" s="311">
        <v>8.838457621375044E-2</v>
      </c>
    </row>
    <row r="113" spans="1:23">
      <c r="A113" s="57" t="s">
        <v>444</v>
      </c>
      <c r="B113" s="77">
        <v>76</v>
      </c>
      <c r="C113" s="78">
        <v>72.54052893905066</v>
      </c>
      <c r="D113" s="79">
        <v>4.7361438388796389</v>
      </c>
      <c r="E113" s="308">
        <v>0.24749584169010386</v>
      </c>
      <c r="F113" s="309">
        <v>9.8096403898838294E-2</v>
      </c>
      <c r="G113" s="308">
        <v>0.44977830532043866</v>
      </c>
      <c r="H113" s="309">
        <v>0.11129323827138386</v>
      </c>
    </row>
    <row r="114" spans="1:23">
      <c r="A114" s="49" t="s">
        <v>454</v>
      </c>
      <c r="B114" s="80">
        <v>225</v>
      </c>
      <c r="C114" s="81">
        <v>69.750671984172854</v>
      </c>
      <c r="D114" s="82">
        <v>3.2716685049417604</v>
      </c>
      <c r="E114" s="310">
        <v>0.23945138883209641</v>
      </c>
      <c r="F114" s="311">
        <v>5.6763549656096604E-2</v>
      </c>
      <c r="G114" s="310">
        <v>0.44537051293681151</v>
      </c>
      <c r="H114" s="311">
        <v>6.5699988559995856E-2</v>
      </c>
    </row>
    <row r="115" spans="1:23" ht="25.5">
      <c r="A115" s="57" t="s">
        <v>445</v>
      </c>
      <c r="B115" s="77">
        <v>99</v>
      </c>
      <c r="C115" s="78">
        <v>76.313597741802198</v>
      </c>
      <c r="D115" s="79">
        <v>4.1944708052623509</v>
      </c>
      <c r="E115" s="308">
        <v>0.19191490542843659</v>
      </c>
      <c r="F115" s="309">
        <v>7.939396067149336E-2</v>
      </c>
      <c r="G115" s="308">
        <v>0.55261449712354205</v>
      </c>
      <c r="H115" s="309">
        <v>9.8027646614389952E-2</v>
      </c>
    </row>
    <row r="116" spans="1:23">
      <c r="A116" s="49" t="s">
        <v>471</v>
      </c>
      <c r="B116" s="80">
        <v>78</v>
      </c>
      <c r="C116" s="81">
        <v>70.52212641582932</v>
      </c>
      <c r="D116" s="82">
        <v>4.8088118278363421</v>
      </c>
      <c r="E116" s="310">
        <v>0.19893951992000711</v>
      </c>
      <c r="F116" s="311">
        <v>9.0524107220369063E-2</v>
      </c>
      <c r="G116" s="310">
        <v>0.40377937344057568</v>
      </c>
      <c r="H116" s="311">
        <v>0.10856555167594185</v>
      </c>
    </row>
    <row r="117" spans="1:23" s="5" customFormat="1" ht="25.5">
      <c r="A117" s="57" t="s">
        <v>442</v>
      </c>
      <c r="B117" s="77">
        <v>102</v>
      </c>
      <c r="C117" s="78">
        <v>66.444830583220593</v>
      </c>
      <c r="D117" s="79">
        <v>5.6506394480851645</v>
      </c>
      <c r="E117" s="308">
        <v>0.32429562183739769</v>
      </c>
      <c r="F117" s="309">
        <v>9.1407025516963308E-2</v>
      </c>
      <c r="G117" s="308">
        <v>0.48557340545042904</v>
      </c>
      <c r="H117" s="309">
        <v>9.7091142683053397E-2</v>
      </c>
    </row>
    <row r="119" spans="1:23" s="5" customFormat="1" ht="18.75">
      <c r="A119" s="368" t="s">
        <v>249</v>
      </c>
      <c r="B119" s="368"/>
      <c r="C119" s="368"/>
      <c r="D119" s="368"/>
      <c r="E119" s="368"/>
      <c r="F119" s="368"/>
      <c r="G119" s="368"/>
      <c r="H119" s="368"/>
      <c r="I119" s="368"/>
      <c r="J119" s="368"/>
      <c r="K119" s="368"/>
      <c r="L119" s="368"/>
      <c r="M119" s="368"/>
      <c r="N119" s="368"/>
      <c r="O119" s="368"/>
      <c r="P119" s="368"/>
      <c r="Q119" s="368"/>
      <c r="R119" s="368"/>
      <c r="S119" s="368"/>
      <c r="T119" s="368"/>
      <c r="U119" s="368"/>
      <c r="V119" s="368"/>
      <c r="W119" s="237"/>
    </row>
    <row r="120" spans="1:23" s="5" customFormat="1" ht="69.75" customHeight="1">
      <c r="A120" s="366" t="s">
        <v>289</v>
      </c>
      <c r="B120" s="366"/>
      <c r="C120" s="366"/>
      <c r="D120" s="366"/>
      <c r="E120" s="366"/>
      <c r="F120" s="366"/>
      <c r="G120" s="366"/>
      <c r="H120" s="366"/>
      <c r="I120" s="366"/>
      <c r="J120" s="366"/>
      <c r="K120" s="366"/>
      <c r="L120" s="366"/>
      <c r="M120" s="366"/>
      <c r="N120" s="366"/>
      <c r="O120" s="366"/>
      <c r="P120" s="366"/>
      <c r="Q120" s="366"/>
      <c r="R120" s="366"/>
      <c r="S120" s="366"/>
      <c r="T120" s="366"/>
      <c r="U120" s="366"/>
      <c r="V120" s="366"/>
    </row>
    <row r="121" spans="1:23" s="5" customFormat="1" ht="48.75" customHeight="1">
      <c r="A121" s="64" t="s">
        <v>288</v>
      </c>
      <c r="B121" s="369" t="s">
        <v>252</v>
      </c>
      <c r="C121" s="370"/>
      <c r="D121" s="370"/>
      <c r="E121" s="370"/>
      <c r="F121" s="370"/>
      <c r="G121" s="370"/>
      <c r="H121" s="371"/>
      <c r="I121" s="358" t="s">
        <v>251</v>
      </c>
      <c r="J121" s="359"/>
      <c r="K121" s="359"/>
      <c r="L121" s="359"/>
      <c r="M121" s="359"/>
      <c r="N121" s="359"/>
      <c r="O121" s="360"/>
      <c r="P121" s="358" t="s">
        <v>250</v>
      </c>
      <c r="Q121" s="359"/>
      <c r="R121" s="359"/>
      <c r="S121" s="359"/>
      <c r="T121" s="359"/>
      <c r="U121" s="359"/>
      <c r="V121" s="360"/>
    </row>
    <row r="122" spans="1:23" s="5" customFormat="1" ht="43.5" customHeight="1">
      <c r="A122" s="37" t="s">
        <v>85</v>
      </c>
      <c r="B122" s="65" t="s">
        <v>86</v>
      </c>
      <c r="C122" s="66" t="s">
        <v>87</v>
      </c>
      <c r="D122" s="67" t="s">
        <v>88</v>
      </c>
      <c r="E122" s="66" t="s">
        <v>409</v>
      </c>
      <c r="F122" s="67" t="s">
        <v>413</v>
      </c>
      <c r="G122" s="66" t="s">
        <v>411</v>
      </c>
      <c r="H122" s="67" t="s">
        <v>414</v>
      </c>
      <c r="I122" s="38" t="s">
        <v>86</v>
      </c>
      <c r="J122" s="39" t="s">
        <v>87</v>
      </c>
      <c r="K122" s="40" t="s">
        <v>88</v>
      </c>
      <c r="L122" s="38" t="s">
        <v>409</v>
      </c>
      <c r="M122" s="40" t="s">
        <v>413</v>
      </c>
      <c r="N122" s="39" t="s">
        <v>411</v>
      </c>
      <c r="O122" s="40" t="s">
        <v>413</v>
      </c>
      <c r="P122" s="65" t="s">
        <v>86</v>
      </c>
      <c r="Q122" s="66" t="s">
        <v>87</v>
      </c>
      <c r="R122" s="67" t="s">
        <v>88</v>
      </c>
      <c r="S122" s="65" t="s">
        <v>409</v>
      </c>
      <c r="T122" s="67" t="s">
        <v>413</v>
      </c>
      <c r="U122" s="66" t="s">
        <v>411</v>
      </c>
      <c r="V122" s="67" t="s">
        <v>413</v>
      </c>
    </row>
    <row r="123" spans="1:23" s="5" customFormat="1" ht="102" customHeight="1">
      <c r="A123" s="41"/>
      <c r="B123" s="68" t="s">
        <v>89</v>
      </c>
      <c r="C123" s="69" t="s">
        <v>292</v>
      </c>
      <c r="D123" s="70" t="s">
        <v>91</v>
      </c>
      <c r="E123" s="69" t="s">
        <v>410</v>
      </c>
      <c r="F123" s="70" t="s">
        <v>104</v>
      </c>
      <c r="G123" s="69" t="s">
        <v>412</v>
      </c>
      <c r="H123" s="70" t="s">
        <v>104</v>
      </c>
      <c r="I123" s="42" t="s">
        <v>89</v>
      </c>
      <c r="J123" s="43" t="s">
        <v>292</v>
      </c>
      <c r="K123" s="44" t="s">
        <v>91</v>
      </c>
      <c r="L123" s="42" t="s">
        <v>410</v>
      </c>
      <c r="M123" s="44" t="s">
        <v>104</v>
      </c>
      <c r="N123" s="128" t="s">
        <v>412</v>
      </c>
      <c r="O123" s="44" t="s">
        <v>104</v>
      </c>
      <c r="P123" s="68" t="s">
        <v>89</v>
      </c>
      <c r="Q123" s="69" t="s">
        <v>292</v>
      </c>
      <c r="R123" s="70" t="s">
        <v>91</v>
      </c>
      <c r="S123" s="68" t="s">
        <v>410</v>
      </c>
      <c r="T123" s="70" t="s">
        <v>104</v>
      </c>
      <c r="U123" s="282" t="s">
        <v>412</v>
      </c>
      <c r="V123" s="70" t="s">
        <v>104</v>
      </c>
    </row>
    <row r="124" spans="1:23" s="5" customFormat="1">
      <c r="A124" s="45" t="s">
        <v>430</v>
      </c>
      <c r="B124" s="71">
        <v>8491</v>
      </c>
      <c r="C124" s="72">
        <v>70.399518061868122</v>
      </c>
      <c r="D124" s="73">
        <v>0.53619615294243306</v>
      </c>
      <c r="E124" s="301">
        <v>0.23131496043345545</v>
      </c>
      <c r="F124" s="302">
        <v>9.1518179047843772E-3</v>
      </c>
      <c r="G124" s="301">
        <v>0.52110929631772962</v>
      </c>
      <c r="H124" s="302">
        <v>1.0840049934782769E-2</v>
      </c>
      <c r="I124" s="71">
        <v>8447</v>
      </c>
      <c r="J124" s="72">
        <v>70.267714083041696</v>
      </c>
      <c r="K124" s="73">
        <v>0.54635054899507263</v>
      </c>
      <c r="L124" s="301">
        <v>0.23848285544073899</v>
      </c>
      <c r="M124" s="302">
        <v>9.2730317625122349E-3</v>
      </c>
      <c r="N124" s="301">
        <v>0.5209637394983605</v>
      </c>
      <c r="O124" s="302">
        <v>1.0868365847424845E-2</v>
      </c>
      <c r="P124" s="71">
        <v>8449</v>
      </c>
      <c r="Q124" s="72">
        <v>71.782701149499644</v>
      </c>
      <c r="R124" s="73">
        <v>0.51698625336236859</v>
      </c>
      <c r="S124" s="301">
        <v>0.21020487256578041</v>
      </c>
      <c r="T124" s="302">
        <v>8.8655785948457411E-3</v>
      </c>
      <c r="U124" s="301">
        <v>0.54192800040856171</v>
      </c>
      <c r="V124" s="302">
        <v>1.0838362800324712E-2</v>
      </c>
    </row>
    <row r="125" spans="1:23" s="5" customFormat="1">
      <c r="A125" s="49" t="s">
        <v>431</v>
      </c>
      <c r="B125" s="74">
        <v>7899</v>
      </c>
      <c r="C125" s="75">
        <v>70.109020340270575</v>
      </c>
      <c r="D125" s="76">
        <v>0.56379391387449007</v>
      </c>
      <c r="E125" s="304">
        <v>0.23730527320594852</v>
      </c>
      <c r="F125" s="305">
        <v>9.572973216217074E-3</v>
      </c>
      <c r="G125" s="304">
        <v>0.51697043221518157</v>
      </c>
      <c r="H125" s="305">
        <v>1.1242268891900664E-2</v>
      </c>
      <c r="I125" s="74">
        <v>7856</v>
      </c>
      <c r="J125" s="75">
        <v>69.853980047782386</v>
      </c>
      <c r="K125" s="76">
        <v>0.5736991540951295</v>
      </c>
      <c r="L125" s="304">
        <v>0.24633941657954586</v>
      </c>
      <c r="M125" s="305">
        <v>9.7218774696788239E-3</v>
      </c>
      <c r="N125" s="304">
        <v>0.51553270193559531</v>
      </c>
      <c r="O125" s="305">
        <v>1.1274032417767699E-2</v>
      </c>
      <c r="P125" s="74">
        <v>7858</v>
      </c>
      <c r="Q125" s="75">
        <v>71.430504759033482</v>
      </c>
      <c r="R125" s="76">
        <v>0.54212618708031313</v>
      </c>
      <c r="S125" s="304">
        <v>0.21649141056625604</v>
      </c>
      <c r="T125" s="305">
        <v>9.292024433555382E-3</v>
      </c>
      <c r="U125" s="304">
        <v>0.5358577691871782</v>
      </c>
      <c r="V125" s="305">
        <v>1.124902615202634E-2</v>
      </c>
    </row>
    <row r="126" spans="1:23" s="5" customFormat="1">
      <c r="A126" s="45" t="s">
        <v>432</v>
      </c>
      <c r="B126" s="54">
        <v>761</v>
      </c>
      <c r="C126" s="55">
        <v>65.900000000000006</v>
      </c>
      <c r="D126" s="56">
        <v>1.8228</v>
      </c>
      <c r="E126" s="298">
        <v>0.28799999999999998</v>
      </c>
      <c r="F126" s="307">
        <v>3.2781692152615984E-2</v>
      </c>
      <c r="G126" s="298">
        <v>0.436</v>
      </c>
      <c r="H126" s="307">
        <v>3.5860785435346959E-2</v>
      </c>
      <c r="I126" s="54">
        <v>759</v>
      </c>
      <c r="J126" s="55">
        <v>64.900000000000006</v>
      </c>
      <c r="K126" s="56">
        <v>1.8815999999999999</v>
      </c>
      <c r="L126" s="298">
        <v>0.30599999999999999</v>
      </c>
      <c r="M126" s="307">
        <v>3.3397214344617086E-2</v>
      </c>
      <c r="N126" s="298">
        <v>0.42499999999999999</v>
      </c>
      <c r="O126" s="307">
        <v>3.5797143850661794E-2</v>
      </c>
      <c r="P126" s="54">
        <v>759</v>
      </c>
      <c r="Q126" s="55">
        <v>66.23</v>
      </c>
      <c r="R126" s="56">
        <v>1.8032000000000001</v>
      </c>
      <c r="S126" s="298">
        <v>0.27200000000000002</v>
      </c>
      <c r="T126" s="307">
        <v>3.2263627358025342E-2</v>
      </c>
      <c r="U126" s="298">
        <v>0.435</v>
      </c>
      <c r="V126" s="307">
        <v>3.5898442940051165E-2</v>
      </c>
    </row>
    <row r="127" spans="1:23" s="5" customFormat="1">
      <c r="A127" s="49" t="s">
        <v>433</v>
      </c>
      <c r="B127" s="74">
        <v>103</v>
      </c>
      <c r="C127" s="75">
        <v>64.424721625516412</v>
      </c>
      <c r="D127" s="76">
        <v>5.0891648397352647</v>
      </c>
      <c r="E127" s="304">
        <v>0.28041437784692141</v>
      </c>
      <c r="F127" s="305">
        <v>8.7609977361934613E-2</v>
      </c>
      <c r="G127" s="304">
        <v>0.38092665604810799</v>
      </c>
      <c r="H127" s="305">
        <v>9.4099131701391905E-2</v>
      </c>
      <c r="I127" s="74">
        <v>103</v>
      </c>
      <c r="J127" s="75">
        <v>64.845900002173778</v>
      </c>
      <c r="K127" s="76">
        <v>5.0477195115687641</v>
      </c>
      <c r="L127" s="304">
        <v>0.26337738664041349</v>
      </c>
      <c r="M127" s="305">
        <v>8.6059679379068318E-2</v>
      </c>
      <c r="N127" s="304">
        <v>0.35339750242337026</v>
      </c>
      <c r="O127" s="305">
        <v>9.2743153016713487E-2</v>
      </c>
      <c r="P127" s="74">
        <v>103</v>
      </c>
      <c r="Q127" s="75">
        <v>65.888683217500386</v>
      </c>
      <c r="R127" s="76">
        <v>4.881888628224611</v>
      </c>
      <c r="S127" s="304">
        <v>0.21924702943651053</v>
      </c>
      <c r="T127" s="305">
        <v>8.1334860196413741E-2</v>
      </c>
      <c r="U127" s="304">
        <v>0.38200171916421916</v>
      </c>
      <c r="V127" s="305">
        <v>9.4146031698863597E-2</v>
      </c>
    </row>
    <row r="128" spans="1:23" s="5" customFormat="1">
      <c r="A128" s="45" t="s">
        <v>434</v>
      </c>
      <c r="B128" s="54">
        <v>2274</v>
      </c>
      <c r="C128" s="55">
        <v>72.318763137622511</v>
      </c>
      <c r="D128" s="56">
        <v>1.0026234245315544</v>
      </c>
      <c r="E128" s="298">
        <v>0.20601423607651004</v>
      </c>
      <c r="F128" s="307">
        <v>1.6963298978462736E-2</v>
      </c>
      <c r="G128" s="298">
        <v>0.54382700463056999</v>
      </c>
      <c r="H128" s="307">
        <v>2.0871526126864447E-2</v>
      </c>
      <c r="I128" s="54">
        <v>2263</v>
      </c>
      <c r="J128" s="55">
        <v>72.17868047548248</v>
      </c>
      <c r="K128" s="56">
        <v>1.0156292821100623</v>
      </c>
      <c r="L128" s="298">
        <v>0.20979670673630207</v>
      </c>
      <c r="M128" s="307">
        <v>1.7118337057782734E-2</v>
      </c>
      <c r="N128" s="298">
        <v>0.54082187469240939</v>
      </c>
      <c r="O128" s="307">
        <v>2.0932788866971551E-2</v>
      </c>
      <c r="P128" s="54">
        <v>2266</v>
      </c>
      <c r="Q128" s="55">
        <v>73.234772596489378</v>
      </c>
      <c r="R128" s="56">
        <v>0.9750972101874249</v>
      </c>
      <c r="S128" s="298">
        <v>0.19155558913763071</v>
      </c>
      <c r="T128" s="307">
        <v>1.6537078240496602E-2</v>
      </c>
      <c r="U128" s="298">
        <v>0.55501646222366607</v>
      </c>
      <c r="V128" s="307">
        <v>2.0861779088004868E-2</v>
      </c>
    </row>
    <row r="129" spans="1:22" s="5" customFormat="1">
      <c r="A129" s="49" t="s">
        <v>435</v>
      </c>
      <c r="B129" s="74">
        <v>2217</v>
      </c>
      <c r="C129" s="75">
        <v>72.34</v>
      </c>
      <c r="D129" s="76">
        <v>0.98</v>
      </c>
      <c r="E129" s="304">
        <v>0.20399999999999999</v>
      </c>
      <c r="F129" s="305">
        <v>1.7117824439123505E-2</v>
      </c>
      <c r="G129" s="304">
        <v>0.54</v>
      </c>
      <c r="H129" s="305">
        <v>2.1151274699077429E-2</v>
      </c>
      <c r="I129" s="74">
        <v>2207</v>
      </c>
      <c r="J129" s="75">
        <v>72.209999999999994</v>
      </c>
      <c r="K129" s="76">
        <v>0.98</v>
      </c>
      <c r="L129" s="304">
        <v>0.20899999999999999</v>
      </c>
      <c r="M129" s="305">
        <v>1.7310066234575719E-2</v>
      </c>
      <c r="N129" s="304">
        <v>0.53900000000000003</v>
      </c>
      <c r="O129" s="305">
        <v>2.1202412261056781E-2</v>
      </c>
      <c r="P129" s="74">
        <v>2209</v>
      </c>
      <c r="Q129" s="75">
        <v>73.260000000000005</v>
      </c>
      <c r="R129" s="76">
        <v>0.94079999999999997</v>
      </c>
      <c r="S129" s="304">
        <v>0.19</v>
      </c>
      <c r="T129" s="305">
        <v>1.6697358634346657E-2</v>
      </c>
      <c r="U129" s="304">
        <v>0.55400000000000005</v>
      </c>
      <c r="V129" s="305">
        <v>2.113347215684493E-2</v>
      </c>
    </row>
    <row r="130" spans="1:22" s="5" customFormat="1">
      <c r="A130" s="45" t="s">
        <v>452</v>
      </c>
      <c r="B130" s="54">
        <v>45</v>
      </c>
      <c r="C130" s="55">
        <v>67.869147913956624</v>
      </c>
      <c r="D130" s="56">
        <v>8.6175731848428079</v>
      </c>
      <c r="E130" s="298">
        <v>0.28661721282145991</v>
      </c>
      <c r="F130" s="307">
        <v>0.13142801096282278</v>
      </c>
      <c r="G130" s="298">
        <v>0.46616364303127278</v>
      </c>
      <c r="H130" s="307">
        <v>0.14258098844560377</v>
      </c>
      <c r="I130" s="54">
        <v>43</v>
      </c>
      <c r="J130" s="55">
        <v>64.512474683447465</v>
      </c>
      <c r="K130" s="56">
        <v>9.9326095000405346</v>
      </c>
      <c r="L130" s="298">
        <v>0.30088015130233559</v>
      </c>
      <c r="M130" s="307">
        <v>0.13583871027140321</v>
      </c>
      <c r="N130" s="298">
        <v>0.41287005835479734</v>
      </c>
      <c r="O130" s="307">
        <v>0.14399928432697268</v>
      </c>
      <c r="P130" s="54">
        <v>44</v>
      </c>
      <c r="Q130" s="55">
        <v>66.441774303277995</v>
      </c>
      <c r="R130" s="56">
        <v>9.2107228727688533</v>
      </c>
      <c r="S130" s="298">
        <v>0.27421359821784858</v>
      </c>
      <c r="T130" s="307">
        <v>0.13139097498021493</v>
      </c>
      <c r="U130" s="298">
        <v>0.4329352293194017</v>
      </c>
      <c r="V130" s="307">
        <v>0.14324242171102541</v>
      </c>
    </row>
    <row r="131" spans="1:22" s="5" customFormat="1">
      <c r="A131" s="49" t="s">
        <v>172</v>
      </c>
      <c r="B131" s="74">
        <v>209</v>
      </c>
      <c r="C131" s="75">
        <v>75.84014902498366</v>
      </c>
      <c r="D131" s="76">
        <v>3.0123775993760429</v>
      </c>
      <c r="E131" s="304">
        <v>0.17815450664787172</v>
      </c>
      <c r="F131" s="305">
        <v>5.3122136950489583E-2</v>
      </c>
      <c r="G131" s="304">
        <v>0.60317530675509956</v>
      </c>
      <c r="H131" s="305">
        <v>6.7099662339316468E-2</v>
      </c>
      <c r="I131" s="74">
        <v>209</v>
      </c>
      <c r="J131" s="75">
        <v>76.415127644363096</v>
      </c>
      <c r="K131" s="76">
        <v>2.9901683753662422</v>
      </c>
      <c r="L131" s="304">
        <v>0.16888211785777629</v>
      </c>
      <c r="M131" s="305">
        <v>5.2081586605369344E-2</v>
      </c>
      <c r="N131" s="304">
        <v>0.60986047023483003</v>
      </c>
      <c r="O131" s="305">
        <v>6.6907507957217532E-2</v>
      </c>
      <c r="P131" s="74">
        <v>208</v>
      </c>
      <c r="Q131" s="75">
        <v>77.243249396584332</v>
      </c>
      <c r="R131" s="76">
        <v>2.8868133048044582</v>
      </c>
      <c r="S131" s="304">
        <v>0.1455342057158571</v>
      </c>
      <c r="T131" s="305">
        <v>4.9344883573829677E-2</v>
      </c>
      <c r="U131" s="304">
        <v>0.65203558954676211</v>
      </c>
      <c r="V131" s="305">
        <v>6.5552687731108353E-2</v>
      </c>
    </row>
    <row r="132" spans="1:22" s="5" customFormat="1" ht="25.5">
      <c r="A132" s="45" t="s">
        <v>436</v>
      </c>
      <c r="B132" s="54">
        <v>84</v>
      </c>
      <c r="C132" s="55">
        <v>73.479309251890712</v>
      </c>
      <c r="D132" s="56">
        <v>5.0973973994946391</v>
      </c>
      <c r="E132" s="298">
        <v>0.22014773701212553</v>
      </c>
      <c r="F132" s="307">
        <v>9.0111207020264095E-2</v>
      </c>
      <c r="G132" s="298">
        <v>0.52958968407626617</v>
      </c>
      <c r="H132" s="307">
        <v>0.10643013863354744</v>
      </c>
      <c r="I132" s="54">
        <v>84</v>
      </c>
      <c r="J132" s="55">
        <v>74.14440307992642</v>
      </c>
      <c r="K132" s="56">
        <v>4.7928463624592306</v>
      </c>
      <c r="L132" s="298">
        <v>0.19937143908960334</v>
      </c>
      <c r="M132" s="307">
        <v>8.729570362416364E-2</v>
      </c>
      <c r="N132" s="298">
        <v>0.57869362983966377</v>
      </c>
      <c r="O132" s="307">
        <v>0.10539050530673259</v>
      </c>
      <c r="P132" s="54">
        <v>83</v>
      </c>
      <c r="Q132" s="55">
        <v>75.240771082746079</v>
      </c>
      <c r="R132" s="56">
        <v>4.9328460115214616</v>
      </c>
      <c r="S132" s="298">
        <v>0.18765869693521631</v>
      </c>
      <c r="T132" s="307">
        <v>8.6092025805608444E-2</v>
      </c>
      <c r="U132" s="298">
        <v>0.58865029011378389</v>
      </c>
      <c r="V132" s="307">
        <v>0.10566639509238707</v>
      </c>
    </row>
    <row r="133" spans="1:22" s="5" customFormat="1" ht="25.5">
      <c r="A133" s="49" t="s">
        <v>437</v>
      </c>
      <c r="B133" s="74">
        <v>101</v>
      </c>
      <c r="C133" s="75">
        <v>76.936689572690042</v>
      </c>
      <c r="D133" s="76">
        <v>4.1482170942647807</v>
      </c>
      <c r="E133" s="304">
        <v>0.17055732065914356</v>
      </c>
      <c r="F133" s="305">
        <v>7.5486777102873714E-2</v>
      </c>
      <c r="G133" s="304">
        <v>0.58871493993505197</v>
      </c>
      <c r="H133" s="305">
        <v>9.6158179726554077E-2</v>
      </c>
      <c r="I133" s="74">
        <v>101</v>
      </c>
      <c r="J133" s="75">
        <v>76.882150138567127</v>
      </c>
      <c r="K133" s="76">
        <v>4.1450369176648003</v>
      </c>
      <c r="L133" s="304">
        <v>0.15180052072847777</v>
      </c>
      <c r="M133" s="305">
        <v>7.2458519316144845E-2</v>
      </c>
      <c r="N133" s="304">
        <v>0.58905683669006437</v>
      </c>
      <c r="O133" s="305">
        <v>9.6147039306602233E-2</v>
      </c>
      <c r="P133" s="74">
        <v>101</v>
      </c>
      <c r="Q133" s="75">
        <v>77.762282340654721</v>
      </c>
      <c r="R133" s="76">
        <v>3.7406323106845134</v>
      </c>
      <c r="S133" s="304">
        <v>0.12265533871867784</v>
      </c>
      <c r="T133" s="305">
        <v>6.7118388706084414E-2</v>
      </c>
      <c r="U133" s="304">
        <v>0.64645833771266648</v>
      </c>
      <c r="V133" s="305">
        <v>9.3636198762737696E-2</v>
      </c>
    </row>
    <row r="134" spans="1:22" s="5" customFormat="1">
      <c r="A134" s="45" t="s">
        <v>453</v>
      </c>
      <c r="B134" s="71">
        <v>475</v>
      </c>
      <c r="C134" s="72">
        <v>73.070022427310107</v>
      </c>
      <c r="D134" s="73">
        <v>2.2459184506963252</v>
      </c>
      <c r="E134" s="301">
        <v>0.20106407778420304</v>
      </c>
      <c r="F134" s="302">
        <v>3.6794704412781508E-2</v>
      </c>
      <c r="G134" s="301">
        <v>0.55159585333001826</v>
      </c>
      <c r="H134" s="302">
        <v>4.5451310871017218E-2</v>
      </c>
      <c r="I134" s="71">
        <v>475</v>
      </c>
      <c r="J134" s="72">
        <v>72.74422782436568</v>
      </c>
      <c r="K134" s="73">
        <v>2.2785180766759776</v>
      </c>
      <c r="L134" s="301">
        <v>0.21563721104096015</v>
      </c>
      <c r="M134" s="302">
        <v>3.7731352561554375E-2</v>
      </c>
      <c r="N134" s="301">
        <v>0.5582234815967112</v>
      </c>
      <c r="O134" s="302">
        <v>4.5385512417964749E-2</v>
      </c>
      <c r="P134" s="71">
        <v>476</v>
      </c>
      <c r="Q134" s="72">
        <v>73.120260522249112</v>
      </c>
      <c r="R134" s="73">
        <v>2.2536614896033091</v>
      </c>
      <c r="S134" s="301">
        <v>0.20989803931653714</v>
      </c>
      <c r="T134" s="302">
        <v>3.7331584090221588E-2</v>
      </c>
      <c r="U134" s="301">
        <v>0.57851646328328155</v>
      </c>
      <c r="V134" s="302">
        <v>4.5086720525565283E-2</v>
      </c>
    </row>
    <row r="135" spans="1:22" s="5" customFormat="1" ht="25.5">
      <c r="A135" s="49" t="s">
        <v>438</v>
      </c>
      <c r="B135" s="74">
        <v>67</v>
      </c>
      <c r="C135" s="75">
        <v>77.154349577619143</v>
      </c>
      <c r="D135" s="76">
        <v>4.6873062659194202</v>
      </c>
      <c r="E135" s="304">
        <v>9.6359221785009608E-2</v>
      </c>
      <c r="F135" s="305">
        <v>7.6881047737594216E-2</v>
      </c>
      <c r="G135" s="304">
        <v>0.64660400949293151</v>
      </c>
      <c r="H135" s="305">
        <v>0.11404490435514243</v>
      </c>
      <c r="I135" s="74">
        <v>67</v>
      </c>
      <c r="J135" s="75">
        <v>74.221283401394757</v>
      </c>
      <c r="K135" s="76">
        <v>5.4122594187505033</v>
      </c>
      <c r="L135" s="304">
        <v>0.1518491638213561</v>
      </c>
      <c r="M135" s="305">
        <v>8.9462757616100633E-2</v>
      </c>
      <c r="N135" s="304">
        <v>0.59062800416909034</v>
      </c>
      <c r="O135" s="305">
        <v>0.11692924383094279</v>
      </c>
      <c r="P135" s="74">
        <v>67</v>
      </c>
      <c r="Q135" s="75">
        <v>71.765446757033558</v>
      </c>
      <c r="R135" s="76">
        <v>6.1645779257795992</v>
      </c>
      <c r="S135" s="304">
        <v>0.1518491638213561</v>
      </c>
      <c r="T135" s="305">
        <v>8.9462757616100633E-2</v>
      </c>
      <c r="U135" s="304">
        <v>0.62031166602581089</v>
      </c>
      <c r="V135" s="305">
        <v>0.11557818751949273</v>
      </c>
    </row>
    <row r="136" spans="1:22" s="5" customFormat="1" ht="25.5">
      <c r="A136" s="45" t="s">
        <v>439</v>
      </c>
      <c r="B136" s="54">
        <v>71</v>
      </c>
      <c r="C136" s="55">
        <v>77.358806474661264</v>
      </c>
      <c r="D136" s="56">
        <v>4.7433752108624772</v>
      </c>
      <c r="E136" s="298">
        <v>0.14082796054479757</v>
      </c>
      <c r="F136" s="307">
        <v>8.4660572653868213E-2</v>
      </c>
      <c r="G136" s="298">
        <v>0.57760947424473785</v>
      </c>
      <c r="H136" s="307">
        <v>0.11421666304169996</v>
      </c>
      <c r="I136" s="54">
        <v>72</v>
      </c>
      <c r="J136" s="55">
        <v>78.921510379699299</v>
      </c>
      <c r="K136" s="56">
        <v>4.2335442458697141</v>
      </c>
      <c r="L136" s="298">
        <v>0.12466592424160972</v>
      </c>
      <c r="M136" s="307">
        <v>8.0643175061151595E-2</v>
      </c>
      <c r="N136" s="298">
        <v>0.68549113616650315</v>
      </c>
      <c r="O136" s="307">
        <v>0.10738997152334873</v>
      </c>
      <c r="P136" s="54">
        <v>72</v>
      </c>
      <c r="Q136" s="55">
        <v>78.79491256923383</v>
      </c>
      <c r="R136" s="56">
        <v>4.465441771188317</v>
      </c>
      <c r="S136" s="298">
        <v>0.10338166978249155</v>
      </c>
      <c r="T136" s="307">
        <v>7.5678226721382441E-2</v>
      </c>
      <c r="U136" s="298">
        <v>0.6034138643046788</v>
      </c>
      <c r="V136" s="307">
        <v>0.11248430941102083</v>
      </c>
    </row>
    <row r="137" spans="1:22" s="5" customFormat="1">
      <c r="A137" s="49" t="s">
        <v>440</v>
      </c>
      <c r="B137" s="74">
        <v>76</v>
      </c>
      <c r="C137" s="75">
        <v>74.833233436350241</v>
      </c>
      <c r="D137" s="76">
        <v>5.1539098487802359</v>
      </c>
      <c r="E137" s="304">
        <v>0.12838511939856898</v>
      </c>
      <c r="F137" s="305">
        <v>7.9172879957506506E-2</v>
      </c>
      <c r="G137" s="304">
        <v>0.56354536448139714</v>
      </c>
      <c r="H137" s="305">
        <v>0.11098551548609081</v>
      </c>
      <c r="I137" s="74">
        <v>75</v>
      </c>
      <c r="J137" s="75">
        <v>73.118129234174475</v>
      </c>
      <c r="K137" s="76">
        <v>5.1077826150801444</v>
      </c>
      <c r="L137" s="304">
        <v>0.17254336926917116</v>
      </c>
      <c r="M137" s="305">
        <v>8.8118381766822379E-2</v>
      </c>
      <c r="N137" s="304">
        <v>0.49314073945348091</v>
      </c>
      <c r="O137" s="305">
        <v>0.11249924768834324</v>
      </c>
      <c r="P137" s="74">
        <v>76</v>
      </c>
      <c r="Q137" s="75">
        <v>75.10564658999013</v>
      </c>
      <c r="R137" s="76">
        <v>4.9042901192969026</v>
      </c>
      <c r="S137" s="304">
        <v>0.16372379714111934</v>
      </c>
      <c r="T137" s="305">
        <v>8.6006912408308392E-2</v>
      </c>
      <c r="U137" s="304">
        <v>0.59747879938608461</v>
      </c>
      <c r="V137" s="305">
        <v>0.10986909028757778</v>
      </c>
    </row>
    <row r="138" spans="1:22" s="5" customFormat="1">
      <c r="A138" s="57" t="s">
        <v>441</v>
      </c>
      <c r="B138" s="71">
        <v>58</v>
      </c>
      <c r="C138" s="72">
        <v>81.884408593743004</v>
      </c>
      <c r="D138" s="73">
        <v>5.4274486153738195</v>
      </c>
      <c r="E138" s="301">
        <v>0.14978767548731459</v>
      </c>
      <c r="F138" s="302">
        <v>9.5938978767681107E-2</v>
      </c>
      <c r="G138" s="301">
        <v>0.73456950782734631</v>
      </c>
      <c r="H138" s="302">
        <v>0.11411591327468903</v>
      </c>
      <c r="I138" s="71">
        <v>58</v>
      </c>
      <c r="J138" s="72">
        <v>82.686098495642611</v>
      </c>
      <c r="K138" s="73">
        <v>5.242039002560654</v>
      </c>
      <c r="L138" s="301">
        <v>0.14798839911449396</v>
      </c>
      <c r="M138" s="302">
        <v>9.5566472771634617E-2</v>
      </c>
      <c r="N138" s="301">
        <v>0.73833429036913467</v>
      </c>
      <c r="O138" s="302">
        <v>0.11367462954158379</v>
      </c>
      <c r="P138" s="71">
        <v>58</v>
      </c>
      <c r="Q138" s="72">
        <v>82.044827321350013</v>
      </c>
      <c r="R138" s="73">
        <v>5.3866782215028879</v>
      </c>
      <c r="S138" s="301">
        <v>0.16513740652639883</v>
      </c>
      <c r="T138" s="302">
        <v>9.8984872615324973E-2</v>
      </c>
      <c r="U138" s="301">
        <v>0.72261117850580725</v>
      </c>
      <c r="V138" s="302">
        <v>0.11546044831757006</v>
      </c>
    </row>
    <row r="139" spans="1:22" s="5" customFormat="1" ht="25.5">
      <c r="A139" s="49" t="s">
        <v>442</v>
      </c>
      <c r="B139" s="74">
        <v>102</v>
      </c>
      <c r="C139" s="75">
        <v>64.928725199158023</v>
      </c>
      <c r="D139" s="76">
        <v>5.9543545783115439</v>
      </c>
      <c r="E139" s="304">
        <v>0.32416576032749295</v>
      </c>
      <c r="F139" s="305">
        <v>9.1398299674151764E-2</v>
      </c>
      <c r="G139" s="304">
        <v>0.53301818013629898</v>
      </c>
      <c r="H139" s="305">
        <v>9.6932290432195381E-2</v>
      </c>
      <c r="I139" s="74">
        <v>99</v>
      </c>
      <c r="J139" s="75">
        <v>66.499888433028516</v>
      </c>
      <c r="K139" s="76">
        <v>5.9494604664730941</v>
      </c>
      <c r="L139" s="304">
        <v>0.30208192831899261</v>
      </c>
      <c r="M139" s="305">
        <v>9.1122836474986715E-2</v>
      </c>
      <c r="N139" s="304">
        <v>0.51025010361814371</v>
      </c>
      <c r="O139" s="305">
        <v>9.8513798211786907E-2</v>
      </c>
      <c r="P139" s="74">
        <v>101</v>
      </c>
      <c r="Q139" s="75">
        <v>67.612351630590851</v>
      </c>
      <c r="R139" s="76">
        <v>5.5681634408160567</v>
      </c>
      <c r="S139" s="304">
        <v>0.32340757756601796</v>
      </c>
      <c r="T139" s="305">
        <v>9.1785640644972633E-2</v>
      </c>
      <c r="U139" s="304">
        <v>0.52068155298250751</v>
      </c>
      <c r="V139" s="305">
        <v>9.7512732516630479E-2</v>
      </c>
    </row>
    <row r="140" spans="1:22" s="5" customFormat="1">
      <c r="A140" s="57" t="s">
        <v>443</v>
      </c>
      <c r="B140" s="71">
        <v>149</v>
      </c>
      <c r="C140" s="72">
        <v>66.610056008223552</v>
      </c>
      <c r="D140" s="73">
        <v>4.5561503055185817</v>
      </c>
      <c r="E140" s="301">
        <v>0.30077331164105781</v>
      </c>
      <c r="F140" s="302">
        <v>7.4510508702325701E-2</v>
      </c>
      <c r="G140" s="301">
        <v>0.43392403940024399</v>
      </c>
      <c r="H140" s="302">
        <v>8.0172896915268826E-2</v>
      </c>
      <c r="I140" s="71">
        <v>149</v>
      </c>
      <c r="J140" s="72">
        <v>66.448221313876118</v>
      </c>
      <c r="K140" s="73">
        <v>4.7112236662451368</v>
      </c>
      <c r="L140" s="301">
        <v>0.3078748843633935</v>
      </c>
      <c r="M140" s="302">
        <v>7.4971498372751341E-2</v>
      </c>
      <c r="N140" s="301">
        <v>0.47087382151834917</v>
      </c>
      <c r="O140" s="302">
        <v>8.0715014394841675E-2</v>
      </c>
      <c r="P140" s="71">
        <v>149</v>
      </c>
      <c r="Q140" s="72">
        <v>67.633070346393623</v>
      </c>
      <c r="R140" s="73">
        <v>4.4688213591356689</v>
      </c>
      <c r="S140" s="301">
        <v>0.28632642444391593</v>
      </c>
      <c r="T140" s="302">
        <v>7.3511309813196493E-2</v>
      </c>
      <c r="U140" s="301">
        <v>0.4884619603805227</v>
      </c>
      <c r="V140" s="302">
        <v>8.0824791302128871E-2</v>
      </c>
    </row>
    <row r="141" spans="1:22" s="5" customFormat="1">
      <c r="A141" s="49" t="s">
        <v>455</v>
      </c>
      <c r="B141" s="74">
        <v>124</v>
      </c>
      <c r="C141" s="75">
        <v>75.148038321654482</v>
      </c>
      <c r="D141" s="76">
        <v>3.9346555218411954</v>
      </c>
      <c r="E141" s="304">
        <v>0.17720361942945076</v>
      </c>
      <c r="F141" s="305">
        <v>6.896853568681427E-2</v>
      </c>
      <c r="G141" s="304">
        <v>0.57779370892003379</v>
      </c>
      <c r="H141" s="305">
        <v>8.7378571127582197E-2</v>
      </c>
      <c r="I141" s="74">
        <v>124</v>
      </c>
      <c r="J141" s="75">
        <v>74.198192586349322</v>
      </c>
      <c r="K141" s="76">
        <v>4.030634072867441</v>
      </c>
      <c r="L141" s="304">
        <v>0.19726736084454777</v>
      </c>
      <c r="M141" s="305">
        <v>7.1587226250686795E-2</v>
      </c>
      <c r="N141" s="304">
        <v>0.55727332110346284</v>
      </c>
      <c r="O141" s="305">
        <v>8.7842468715100014E-2</v>
      </c>
      <c r="P141" s="74">
        <v>124</v>
      </c>
      <c r="Q141" s="75">
        <v>74.417809001918542</v>
      </c>
      <c r="R141" s="76">
        <v>3.9835397856170349</v>
      </c>
      <c r="S141" s="304">
        <v>0.21816260883596417</v>
      </c>
      <c r="T141" s="305">
        <v>7.4046993949115403E-2</v>
      </c>
      <c r="U141" s="304">
        <v>0.56226316083850747</v>
      </c>
      <c r="V141" s="305">
        <v>8.7742842796833545E-2</v>
      </c>
    </row>
    <row r="142" spans="1:22" s="5" customFormat="1">
      <c r="A142" s="57" t="s">
        <v>444</v>
      </c>
      <c r="B142" s="71">
        <v>76</v>
      </c>
      <c r="C142" s="72">
        <v>72.973312781455348</v>
      </c>
      <c r="D142" s="73">
        <v>4.6730012398347007</v>
      </c>
      <c r="E142" s="301">
        <v>0.19810247855798147</v>
      </c>
      <c r="F142" s="302">
        <v>9.1581723779588606E-2</v>
      </c>
      <c r="G142" s="301">
        <v>0.51406978979885365</v>
      </c>
      <c r="H142" s="302">
        <v>0.11176344259552226</v>
      </c>
      <c r="I142" s="71">
        <v>76</v>
      </c>
      <c r="J142" s="72">
        <v>71.966592430457965</v>
      </c>
      <c r="K142" s="73">
        <v>5.159984354887964</v>
      </c>
      <c r="L142" s="301">
        <v>0.21783206101081395</v>
      </c>
      <c r="M142" s="302">
        <v>9.4377985229992051E-2</v>
      </c>
      <c r="N142" s="301">
        <v>0.52851812448458468</v>
      </c>
      <c r="O142" s="302">
        <v>0.11163915346099083</v>
      </c>
      <c r="P142" s="71">
        <v>76</v>
      </c>
      <c r="Q142" s="72">
        <v>72.681680208301287</v>
      </c>
      <c r="R142" s="73">
        <v>5.1350072068828849</v>
      </c>
      <c r="S142" s="301">
        <v>0.23244766897489741</v>
      </c>
      <c r="T142" s="302">
        <v>9.627959662413893E-2</v>
      </c>
      <c r="U142" s="301">
        <v>0.53517110872424301</v>
      </c>
      <c r="V142" s="302">
        <v>0.11155348521735538</v>
      </c>
    </row>
    <row r="143" spans="1:22" s="5" customFormat="1">
      <c r="A143" s="49" t="s">
        <v>454</v>
      </c>
      <c r="B143" s="74">
        <v>225</v>
      </c>
      <c r="C143" s="75">
        <v>69.104884314292264</v>
      </c>
      <c r="D143" s="76">
        <v>3.5492622883914242</v>
      </c>
      <c r="E143" s="304">
        <v>0.26151619618792121</v>
      </c>
      <c r="F143" s="305">
        <v>5.8376134022143852E-2</v>
      </c>
      <c r="G143" s="304">
        <v>0.51692889857206525</v>
      </c>
      <c r="H143" s="305">
        <v>6.6045285079163671E-2</v>
      </c>
      <c r="I143" s="74">
        <v>222</v>
      </c>
      <c r="J143" s="75">
        <v>69.554958222614843</v>
      </c>
      <c r="K143" s="76">
        <v>3.543377424808476</v>
      </c>
      <c r="L143" s="304">
        <v>0.22365488701468583</v>
      </c>
      <c r="M143" s="305">
        <v>5.5862140560254563E-2</v>
      </c>
      <c r="N143" s="304">
        <v>0.54094286607912212</v>
      </c>
      <c r="O143" s="305">
        <v>6.6303471698138522E-2</v>
      </c>
      <c r="P143" s="74">
        <v>224</v>
      </c>
      <c r="Q143" s="75">
        <v>70.487562870187233</v>
      </c>
      <c r="R143" s="76">
        <v>3.1947736061766623</v>
      </c>
      <c r="S143" s="304">
        <v>0.20105145824450243</v>
      </c>
      <c r="T143" s="305">
        <v>5.3596618764719238E-2</v>
      </c>
      <c r="U143" s="304">
        <v>0.4985325983086053</v>
      </c>
      <c r="V143" s="305">
        <v>6.622634256489246E-2</v>
      </c>
    </row>
    <row r="144" spans="1:22" s="5" customFormat="1" ht="25.5">
      <c r="A144" s="57" t="s">
        <v>445</v>
      </c>
      <c r="B144" s="71">
        <v>99</v>
      </c>
      <c r="C144" s="72">
        <v>76.912487422019737</v>
      </c>
      <c r="D144" s="73">
        <v>4.5001915828143302</v>
      </c>
      <c r="E144" s="301">
        <v>0.1985446339947266</v>
      </c>
      <c r="F144" s="302">
        <v>8.0301830374365959E-2</v>
      </c>
      <c r="G144" s="301">
        <v>0.61917037843948208</v>
      </c>
      <c r="H144" s="302">
        <v>9.591258925268363E-2</v>
      </c>
      <c r="I144" s="71">
        <v>99</v>
      </c>
      <c r="J144" s="72">
        <v>75.6196658191772</v>
      </c>
      <c r="K144" s="73">
        <v>4.6521727733199576</v>
      </c>
      <c r="L144" s="301">
        <v>0.17132083608412507</v>
      </c>
      <c r="M144" s="302">
        <v>7.6373573544925313E-2</v>
      </c>
      <c r="N144" s="301">
        <v>0.62668702324099157</v>
      </c>
      <c r="O144" s="302">
        <v>9.5566327070899598E-2</v>
      </c>
      <c r="P144" s="71">
        <v>99</v>
      </c>
      <c r="Q144" s="72">
        <v>76.408641869757261</v>
      </c>
      <c r="R144" s="73">
        <v>4.2804645574324409</v>
      </c>
      <c r="S144" s="301">
        <v>0.15835882962459719</v>
      </c>
      <c r="T144" s="302">
        <v>7.4304754326770417E-2</v>
      </c>
      <c r="U144" s="301">
        <v>0.64223950548986686</v>
      </c>
      <c r="V144" s="302">
        <v>9.477798963106715E-2</v>
      </c>
    </row>
    <row r="145" spans="1:22" s="5" customFormat="1">
      <c r="A145" s="49" t="s">
        <v>471</v>
      </c>
      <c r="B145" s="74">
        <v>78</v>
      </c>
      <c r="C145" s="75">
        <v>70.301617098083653</v>
      </c>
      <c r="D145" s="76">
        <v>5.1322559772730845</v>
      </c>
      <c r="E145" s="304">
        <v>0.21083031077669626</v>
      </c>
      <c r="F145" s="305">
        <v>9.2219218679625389E-2</v>
      </c>
      <c r="G145" s="304">
        <v>0.48090277939907977</v>
      </c>
      <c r="H145" s="305">
        <v>0.11035861923334182</v>
      </c>
      <c r="I145" s="74">
        <v>78</v>
      </c>
      <c r="J145" s="75">
        <v>70.968349027686514</v>
      </c>
      <c r="K145" s="76">
        <v>5.1767011551748148</v>
      </c>
      <c r="L145" s="304">
        <v>0.17077122163416891</v>
      </c>
      <c r="M145" s="305">
        <v>8.6087102496278531E-2</v>
      </c>
      <c r="N145" s="304">
        <v>0.54667332577993588</v>
      </c>
      <c r="O145" s="305">
        <v>0.10999533113058979</v>
      </c>
      <c r="P145" s="74">
        <v>78</v>
      </c>
      <c r="Q145" s="75">
        <v>70.296413856057271</v>
      </c>
      <c r="R145" s="76">
        <v>4.8969165476993526</v>
      </c>
      <c r="S145" s="304">
        <v>0.13526967132081089</v>
      </c>
      <c r="T145" s="305">
        <v>7.9521006315827647E-2</v>
      </c>
      <c r="U145" s="304">
        <v>0.43677289700270111</v>
      </c>
      <c r="V145" s="305">
        <v>0.10962971759835355</v>
      </c>
    </row>
    <row r="146" spans="1:22" s="5" customFormat="1" ht="25.5">
      <c r="A146" s="57" t="s">
        <v>442</v>
      </c>
      <c r="B146" s="71">
        <v>102</v>
      </c>
      <c r="C146" s="72">
        <v>64.928725199158023</v>
      </c>
      <c r="D146" s="73">
        <v>5.9543545783115439</v>
      </c>
      <c r="E146" s="301">
        <v>0.32416576032749295</v>
      </c>
      <c r="F146" s="302">
        <v>9.1398299674151764E-2</v>
      </c>
      <c r="G146" s="301">
        <v>0.53301818013629898</v>
      </c>
      <c r="H146" s="302">
        <v>9.6932290432195381E-2</v>
      </c>
      <c r="I146" s="71">
        <v>99</v>
      </c>
      <c r="J146" s="72">
        <v>66.499888433028516</v>
      </c>
      <c r="K146" s="73">
        <v>5.9494604664730941</v>
      </c>
      <c r="L146" s="301">
        <v>0.30208192831899261</v>
      </c>
      <c r="M146" s="302">
        <v>9.1122836474986715E-2</v>
      </c>
      <c r="N146" s="301">
        <v>0.51025010361814371</v>
      </c>
      <c r="O146" s="302">
        <v>9.8513798211786907E-2</v>
      </c>
      <c r="P146" s="71">
        <v>101</v>
      </c>
      <c r="Q146" s="72">
        <v>67.612351630590851</v>
      </c>
      <c r="R146" s="73">
        <v>5.5681634408160567</v>
      </c>
      <c r="S146" s="301">
        <v>0.32340757756601796</v>
      </c>
      <c r="T146" s="302">
        <v>9.1785640644972633E-2</v>
      </c>
      <c r="U146" s="301">
        <v>0.52068155298250751</v>
      </c>
      <c r="V146" s="302">
        <v>9.7512732516630479E-2</v>
      </c>
    </row>
  </sheetData>
  <mergeCells count="23">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8"/>
  <sheetViews>
    <sheetView topLeftCell="A75" zoomScaleNormal="100" workbookViewId="0">
      <selection activeCell="A33" sqref="A33:AS33"/>
    </sheetView>
  </sheetViews>
  <sheetFormatPr defaultColWidth="18" defaultRowHeight="15"/>
  <cols>
    <col min="1" max="1" width="35" style="5" customWidth="1"/>
    <col min="2" max="4" width="19.42578125" style="5" customWidth="1"/>
    <col min="5" max="8" width="18" style="5"/>
    <col min="9" max="9" width="19.85546875" style="5" customWidth="1"/>
    <col min="10" max="16384" width="18" style="5"/>
  </cols>
  <sheetData>
    <row r="1" spans="1:43" ht="28.5">
      <c r="A1" s="36" t="s">
        <v>64</v>
      </c>
      <c r="P1" s="237"/>
      <c r="Q1" s="237"/>
      <c r="R1" s="237"/>
      <c r="S1" s="237"/>
      <c r="T1" s="237"/>
      <c r="U1" s="237"/>
      <c r="V1" s="237"/>
      <c r="W1" s="237"/>
      <c r="X1" s="237"/>
      <c r="Y1" s="237"/>
      <c r="Z1" s="237"/>
      <c r="AA1" s="237"/>
      <c r="AB1" s="237"/>
      <c r="AC1" s="237"/>
      <c r="AD1" s="237"/>
      <c r="AE1" s="237"/>
      <c r="AF1" s="237"/>
      <c r="AG1" s="237"/>
      <c r="AH1" s="237"/>
      <c r="AI1" s="237"/>
      <c r="AJ1" s="237"/>
      <c r="AK1" s="237"/>
    </row>
    <row r="2" spans="1:43">
      <c r="P2" s="237"/>
      <c r="Q2" s="237"/>
      <c r="R2" s="237"/>
      <c r="S2" s="237"/>
      <c r="T2" s="237"/>
      <c r="U2" s="237"/>
      <c r="V2" s="237"/>
      <c r="W2" s="237"/>
      <c r="X2" s="237"/>
      <c r="Y2" s="237"/>
      <c r="Z2" s="237"/>
      <c r="AA2" s="237"/>
      <c r="AB2" s="237"/>
      <c r="AC2" s="237"/>
      <c r="AD2" s="237"/>
      <c r="AE2" s="237"/>
      <c r="AF2" s="237"/>
      <c r="AG2" s="237"/>
      <c r="AH2" s="237"/>
      <c r="AI2" s="237"/>
      <c r="AJ2" s="237"/>
      <c r="AK2" s="237"/>
    </row>
    <row r="3" spans="1:43" ht="18.75">
      <c r="A3" s="324" t="s">
        <v>33</v>
      </c>
      <c r="B3" s="324"/>
      <c r="C3" s="324"/>
      <c r="D3" s="324"/>
      <c r="E3" s="324"/>
      <c r="F3" s="324"/>
      <c r="G3" s="324"/>
      <c r="H3" s="324"/>
      <c r="I3" s="324"/>
      <c r="J3" s="324"/>
      <c r="K3" s="324"/>
      <c r="L3" s="324"/>
      <c r="M3" s="324"/>
      <c r="N3" s="324"/>
      <c r="O3" s="324"/>
      <c r="P3" s="324"/>
      <c r="Q3" s="324"/>
      <c r="R3" s="324"/>
      <c r="S3" s="324"/>
      <c r="T3" s="324"/>
      <c r="U3" s="324"/>
      <c r="V3" s="324"/>
      <c r="W3" s="324"/>
      <c r="X3" s="237"/>
      <c r="Y3" s="237"/>
      <c r="Z3" s="276"/>
      <c r="AA3" s="276"/>
      <c r="AB3" s="276"/>
      <c r="AC3" s="276"/>
      <c r="AD3" s="276"/>
      <c r="AE3" s="276"/>
      <c r="AF3" s="276"/>
      <c r="AG3" s="276"/>
      <c r="AH3" s="276"/>
      <c r="AI3" s="276"/>
      <c r="AJ3" s="276"/>
      <c r="AK3" s="237"/>
    </row>
    <row r="4" spans="1:43" ht="62.25" customHeight="1">
      <c r="A4" s="382" t="s">
        <v>380</v>
      </c>
      <c r="B4" s="382"/>
      <c r="C4" s="382"/>
      <c r="D4" s="382"/>
      <c r="E4" s="382"/>
      <c r="F4" s="382"/>
      <c r="G4" s="382"/>
      <c r="H4" s="382"/>
      <c r="I4" s="382"/>
      <c r="J4" s="382"/>
      <c r="K4" s="382"/>
      <c r="L4" s="382"/>
      <c r="M4" s="382"/>
      <c r="N4" s="382"/>
      <c r="O4" s="382"/>
      <c r="P4" s="382"/>
      <c r="Q4" s="382"/>
      <c r="R4" s="382"/>
      <c r="S4" s="382"/>
      <c r="T4" s="382"/>
      <c r="U4" s="382"/>
      <c r="V4" s="382"/>
      <c r="W4" s="382"/>
      <c r="X4" s="237"/>
      <c r="Y4" s="237"/>
      <c r="Z4" s="274"/>
      <c r="AA4" s="274"/>
      <c r="AB4" s="274"/>
      <c r="AC4" s="275"/>
      <c r="AD4" s="274"/>
      <c r="AE4" s="274"/>
      <c r="AF4" s="274"/>
      <c r="AG4" s="274"/>
      <c r="AH4" s="274"/>
      <c r="AI4" s="274"/>
      <c r="AJ4" s="274"/>
      <c r="AK4" s="237"/>
    </row>
    <row r="5" spans="1:43" ht="39.75" customHeight="1">
      <c r="A5" s="64"/>
      <c r="B5" s="379" t="s">
        <v>100</v>
      </c>
      <c r="C5" s="380"/>
      <c r="D5" s="380"/>
      <c r="E5" s="380"/>
      <c r="F5" s="380"/>
      <c r="G5" s="380"/>
      <c r="H5" s="380"/>
      <c r="I5" s="380"/>
      <c r="J5" s="380"/>
      <c r="K5" s="380"/>
      <c r="L5" s="381"/>
      <c r="M5" s="350" t="s">
        <v>253</v>
      </c>
      <c r="N5" s="351"/>
      <c r="O5" s="351"/>
      <c r="P5" s="351"/>
      <c r="Q5" s="351"/>
      <c r="R5" s="351"/>
      <c r="S5" s="351"/>
      <c r="T5" s="351"/>
      <c r="U5" s="351"/>
      <c r="V5" s="351"/>
      <c r="W5" s="351"/>
      <c r="X5" s="237"/>
      <c r="Y5" s="237"/>
      <c r="Z5" s="237"/>
      <c r="AA5" s="237"/>
      <c r="AB5" s="237"/>
      <c r="AC5" s="237"/>
      <c r="AD5" s="237"/>
      <c r="AE5" s="237"/>
      <c r="AF5" s="237"/>
      <c r="AG5" s="237"/>
      <c r="AH5" s="237"/>
      <c r="AI5" s="237"/>
      <c r="AJ5" s="237"/>
      <c r="AK5" s="237"/>
      <c r="AL5" s="237"/>
      <c r="AM5" s="237"/>
      <c r="AN5" s="237"/>
      <c r="AO5" s="237"/>
    </row>
    <row r="6" spans="1:43" ht="72">
      <c r="A6" s="37" t="s">
        <v>85</v>
      </c>
      <c r="B6" s="38" t="s">
        <v>86</v>
      </c>
      <c r="C6" s="39" t="s">
        <v>87</v>
      </c>
      <c r="D6" s="40" t="s">
        <v>88</v>
      </c>
      <c r="E6" s="38" t="s">
        <v>179</v>
      </c>
      <c r="F6" s="89" t="s">
        <v>101</v>
      </c>
      <c r="G6" s="38" t="s">
        <v>180</v>
      </c>
      <c r="H6" s="89" t="s">
        <v>102</v>
      </c>
      <c r="I6" s="38" t="s">
        <v>181</v>
      </c>
      <c r="J6" s="89" t="s">
        <v>103</v>
      </c>
      <c r="K6" s="38" t="s">
        <v>356</v>
      </c>
      <c r="L6" s="89" t="s">
        <v>355</v>
      </c>
      <c r="M6" s="65" t="s">
        <v>86</v>
      </c>
      <c r="N6" s="65" t="s">
        <v>87</v>
      </c>
      <c r="O6" s="65" t="s">
        <v>88</v>
      </c>
      <c r="P6" s="65" t="s">
        <v>179</v>
      </c>
      <c r="Q6" s="88" t="s">
        <v>101</v>
      </c>
      <c r="R6" s="65" t="s">
        <v>180</v>
      </c>
      <c r="S6" s="88" t="s">
        <v>102</v>
      </c>
      <c r="T6" s="65" t="s">
        <v>181</v>
      </c>
      <c r="U6" s="88" t="s">
        <v>103</v>
      </c>
      <c r="V6" s="65" t="s">
        <v>356</v>
      </c>
      <c r="W6" s="88" t="s">
        <v>355</v>
      </c>
      <c r="X6" s="237"/>
      <c r="Y6" s="237"/>
      <c r="Z6" s="237"/>
      <c r="AA6" s="237"/>
      <c r="AB6" s="237"/>
      <c r="AC6" s="237"/>
      <c r="AD6" s="237"/>
      <c r="AE6" s="237"/>
      <c r="AF6" s="237"/>
      <c r="AG6" s="237"/>
      <c r="AH6" s="237"/>
      <c r="AI6" s="237"/>
      <c r="AJ6" s="237"/>
      <c r="AK6" s="237"/>
      <c r="AL6" s="237"/>
      <c r="AM6" s="237"/>
      <c r="AN6" s="237"/>
      <c r="AO6" s="237"/>
      <c r="AP6" s="237"/>
      <c r="AQ6" s="237"/>
    </row>
    <row r="7" spans="1:43" ht="92.25" customHeight="1">
      <c r="A7" s="41"/>
      <c r="B7" s="42" t="s">
        <v>89</v>
      </c>
      <c r="C7" s="43" t="s">
        <v>357</v>
      </c>
      <c r="D7" s="44" t="s">
        <v>91</v>
      </c>
      <c r="E7" s="42" t="s">
        <v>182</v>
      </c>
      <c r="F7" s="91" t="s">
        <v>104</v>
      </c>
      <c r="G7" s="42" t="s">
        <v>183</v>
      </c>
      <c r="H7" s="91" t="s">
        <v>104</v>
      </c>
      <c r="I7" s="42" t="s">
        <v>184</v>
      </c>
      <c r="J7" s="91" t="s">
        <v>104</v>
      </c>
      <c r="K7" s="42" t="s">
        <v>356</v>
      </c>
      <c r="L7" s="91" t="s">
        <v>104</v>
      </c>
      <c r="M7" s="68" t="s">
        <v>89</v>
      </c>
      <c r="N7" s="68" t="s">
        <v>357</v>
      </c>
      <c r="O7" s="68" t="s">
        <v>91</v>
      </c>
      <c r="P7" s="68" t="s">
        <v>182</v>
      </c>
      <c r="Q7" s="90" t="s">
        <v>104</v>
      </c>
      <c r="R7" s="68" t="s">
        <v>183</v>
      </c>
      <c r="S7" s="90" t="s">
        <v>104</v>
      </c>
      <c r="T7" s="68" t="s">
        <v>184</v>
      </c>
      <c r="U7" s="90" t="s">
        <v>104</v>
      </c>
      <c r="V7" s="68" t="s">
        <v>356</v>
      </c>
      <c r="W7" s="90" t="s">
        <v>104</v>
      </c>
    </row>
    <row r="8" spans="1:43">
      <c r="A8" s="45" t="s">
        <v>430</v>
      </c>
      <c r="B8" s="100">
        <v>9381</v>
      </c>
      <c r="C8" s="101">
        <v>5.2260135235325373</v>
      </c>
      <c r="D8" s="102">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1">
        <v>5.5</v>
      </c>
      <c r="O8" s="102">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1</v>
      </c>
      <c r="B9" s="104">
        <v>8740</v>
      </c>
      <c r="C9" s="105">
        <v>5.2</v>
      </c>
      <c r="D9" s="106">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5">
        <v>5.5</v>
      </c>
      <c r="O9" s="106">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45" t="s">
        <v>432</v>
      </c>
      <c r="B10" s="100">
        <v>839</v>
      </c>
      <c r="C10" s="101">
        <v>5</v>
      </c>
      <c r="D10" s="102">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1">
        <v>5</v>
      </c>
      <c r="O10" s="102">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3</v>
      </c>
      <c r="B11" s="104">
        <v>106</v>
      </c>
      <c r="C11" s="105">
        <v>4.7888258600706886</v>
      </c>
      <c r="D11" s="106">
        <v>0.25480000000000003</v>
      </c>
      <c r="E11" s="96">
        <v>9.2281172422519098E-2</v>
      </c>
      <c r="F11" s="97">
        <v>5.8971591128870182E-2</v>
      </c>
      <c r="G11" s="96">
        <v>0.19319930943792893</v>
      </c>
      <c r="H11" s="97">
        <v>7.689294726015336E-2</v>
      </c>
      <c r="I11" s="96">
        <v>0.49064392825816144</v>
      </c>
      <c r="J11" s="97">
        <v>9.533075711468518E-2</v>
      </c>
      <c r="K11" s="96">
        <v>0.22387558988138989</v>
      </c>
      <c r="L11" s="97">
        <v>8.0723897343911541E-2</v>
      </c>
      <c r="M11" s="95">
        <v>106</v>
      </c>
      <c r="N11" s="105">
        <v>5.6</v>
      </c>
      <c r="O11" s="106">
        <v>0.25480000000000003</v>
      </c>
      <c r="P11" s="96">
        <v>0.05</v>
      </c>
      <c r="Q11" s="97">
        <v>4.7466544824072539E-2</v>
      </c>
      <c r="R11" s="96">
        <v>0.10100000000000001</v>
      </c>
      <c r="S11" s="97">
        <v>6.095206486962336E-2</v>
      </c>
      <c r="T11" s="96">
        <v>0.84899999999999998</v>
      </c>
      <c r="U11" s="97">
        <v>7.0555251172886635E-2</v>
      </c>
      <c r="V11" s="96">
        <v>0</v>
      </c>
      <c r="W11" s="97">
        <v>2.5478147263468021E-2</v>
      </c>
    </row>
    <row r="12" spans="1:43">
      <c r="A12" s="45" t="s">
        <v>434</v>
      </c>
      <c r="B12" s="100">
        <v>2550</v>
      </c>
      <c r="C12" s="101">
        <v>5.2512101361355326</v>
      </c>
      <c r="D12" s="102">
        <v>5.8799999999999998E-2</v>
      </c>
      <c r="E12" s="93">
        <v>9.4820422911291655E-2</v>
      </c>
      <c r="F12" s="94">
        <v>1.1628775480486733E-2</v>
      </c>
      <c r="G12" s="93">
        <v>0.12864435336645347</v>
      </c>
      <c r="H12" s="94">
        <v>1.3275386344814399E-2</v>
      </c>
      <c r="I12" s="93">
        <v>0.71856366057696253</v>
      </c>
      <c r="J12" s="94">
        <v>1.7803391636668178E-2</v>
      </c>
      <c r="K12" s="93">
        <v>5.797156314530158E-2</v>
      </c>
      <c r="L12" s="94">
        <v>9.299877251628003E-3</v>
      </c>
      <c r="M12" s="92">
        <v>2555</v>
      </c>
      <c r="N12" s="101">
        <v>5.6</v>
      </c>
      <c r="O12" s="102">
        <v>5.8799999999999998E-2</v>
      </c>
      <c r="P12" s="93">
        <v>0.1</v>
      </c>
      <c r="Q12" s="94">
        <v>1.1893746371462679E-2</v>
      </c>
      <c r="R12" s="93">
        <v>0.106</v>
      </c>
      <c r="S12" s="94">
        <v>1.2201827727504793E-2</v>
      </c>
      <c r="T12" s="93">
        <v>0.78800000000000003</v>
      </c>
      <c r="U12" s="94">
        <v>1.6171951105227098E-2</v>
      </c>
      <c r="V12" s="93">
        <v>5.0000000000000001E-3</v>
      </c>
      <c r="W12" s="94">
        <v>2.9954775529433398E-3</v>
      </c>
    </row>
    <row r="13" spans="1:43">
      <c r="A13" s="49" t="s">
        <v>435</v>
      </c>
      <c r="B13" s="104">
        <v>2390</v>
      </c>
      <c r="C13" s="105">
        <v>5.24</v>
      </c>
      <c r="D13" s="106">
        <v>5.8799999999999998E-2</v>
      </c>
      <c r="E13" s="96">
        <v>9.7000000000000003E-2</v>
      </c>
      <c r="F13" s="97">
        <v>1.2134946237600515E-2</v>
      </c>
      <c r="G13" s="96">
        <v>0.127</v>
      </c>
      <c r="H13" s="97">
        <v>1.3639072162514769E-2</v>
      </c>
      <c r="I13" s="96">
        <v>0.71799999999999997</v>
      </c>
      <c r="J13" s="97">
        <v>1.840029592246788E-2</v>
      </c>
      <c r="K13" s="96">
        <v>5.7000000000000002E-2</v>
      </c>
      <c r="L13" s="97">
        <v>9.5343774046980564E-3</v>
      </c>
      <c r="M13" s="95">
        <v>2490</v>
      </c>
      <c r="N13" s="105">
        <v>5.55</v>
      </c>
      <c r="O13" s="106">
        <v>5.8799999999999998E-2</v>
      </c>
      <c r="P13" s="96">
        <v>0.1</v>
      </c>
      <c r="Q13" s="97">
        <v>1.2048606462795758E-2</v>
      </c>
      <c r="R13" s="96">
        <v>0.107</v>
      </c>
      <c r="S13" s="97">
        <v>1.241142013162618E-2</v>
      </c>
      <c r="T13" s="96">
        <v>0.78700000000000003</v>
      </c>
      <c r="U13" s="97">
        <v>1.6409700567379958E-2</v>
      </c>
      <c r="V13" s="96">
        <v>6.0000000000000001E-3</v>
      </c>
      <c r="W13" s="97">
        <v>3.2893515260882101E-3</v>
      </c>
    </row>
    <row r="14" spans="1:43">
      <c r="A14" s="45" t="s">
        <v>452</v>
      </c>
      <c r="B14" s="100">
        <v>50</v>
      </c>
      <c r="C14" s="101">
        <v>4.8702152369252056</v>
      </c>
      <c r="D14" s="102">
        <v>0.43119999999999997</v>
      </c>
      <c r="E14" s="93">
        <v>0.13804832786985405</v>
      </c>
      <c r="F14" s="94">
        <v>0.10098804013598592</v>
      </c>
      <c r="G14" s="93">
        <v>0.15214553246661397</v>
      </c>
      <c r="H14" s="94">
        <v>0.10408673794226427</v>
      </c>
      <c r="I14" s="93">
        <v>0.53843067530752653</v>
      </c>
      <c r="J14" s="94">
        <v>0.1357377050946984</v>
      </c>
      <c r="K14" s="93">
        <v>0.17137546435600626</v>
      </c>
      <c r="L14" s="94">
        <v>0.10798232989887167</v>
      </c>
      <c r="M14" s="92">
        <v>50</v>
      </c>
      <c r="N14" s="101">
        <v>5.2</v>
      </c>
      <c r="O14" s="102">
        <v>0.41159999999999997</v>
      </c>
      <c r="P14" s="93">
        <v>0.1128796018722171</v>
      </c>
      <c r="Q14" s="94">
        <v>9.487508980140226E-2</v>
      </c>
      <c r="R14" s="93">
        <v>0.12841916712904175</v>
      </c>
      <c r="S14" s="94">
        <v>9.8742179825535972E-2</v>
      </c>
      <c r="T14" s="93">
        <v>0.73936174598732574</v>
      </c>
      <c r="U14" s="94">
        <v>0.1219834811738268</v>
      </c>
      <c r="V14" s="93">
        <v>1.9339485011415813E-2</v>
      </c>
      <c r="W14" s="94">
        <v>6.2018592210654949E-2</v>
      </c>
    </row>
    <row r="15" spans="1:43">
      <c r="A15" s="49" t="s">
        <v>172</v>
      </c>
      <c r="B15" s="104">
        <v>239</v>
      </c>
      <c r="C15" s="105">
        <v>5.3672656824999478</v>
      </c>
      <c r="D15" s="106">
        <v>0.15679999999999999</v>
      </c>
      <c r="E15" s="96">
        <v>8.7543902615403374E-2</v>
      </c>
      <c r="F15" s="97">
        <v>3.7501063088560049E-2</v>
      </c>
      <c r="G15" s="96">
        <v>6.6635556614781197E-2</v>
      </c>
      <c r="H15" s="97">
        <v>3.353696897499138E-2</v>
      </c>
      <c r="I15" s="96">
        <v>0.7857260548607411</v>
      </c>
      <c r="J15" s="97">
        <v>5.3058895239503294E-2</v>
      </c>
      <c r="K15" s="96">
        <v>6.009448590907604E-2</v>
      </c>
      <c r="L15" s="97">
        <v>3.2152319719340301E-2</v>
      </c>
      <c r="M15" s="95">
        <v>238</v>
      </c>
      <c r="N15" s="105">
        <v>5.8</v>
      </c>
      <c r="O15" s="106">
        <v>0.1764</v>
      </c>
      <c r="P15" s="96">
        <v>8.015202095866672E-2</v>
      </c>
      <c r="Q15" s="97">
        <v>3.6251349421694584E-2</v>
      </c>
      <c r="R15" s="96">
        <v>6.4401409282754757E-2</v>
      </c>
      <c r="S15" s="97">
        <v>3.3147461045661152E-2</v>
      </c>
      <c r="T15" s="96">
        <v>0.85544656975857858</v>
      </c>
      <c r="U15" s="97">
        <v>4.5960785014298899E-2</v>
      </c>
      <c r="V15" s="96">
        <v>0</v>
      </c>
      <c r="W15" s="97">
        <v>1.1639318846603807E-2</v>
      </c>
    </row>
    <row r="16" spans="1:43" ht="25.5">
      <c r="A16" s="45" t="s">
        <v>436</v>
      </c>
      <c r="B16" s="100">
        <v>97</v>
      </c>
      <c r="C16" s="101">
        <v>5.3510687869475309</v>
      </c>
      <c r="D16" s="102">
        <v>0.25480000000000003</v>
      </c>
      <c r="E16" s="93">
        <v>6.7065579602975128E-2</v>
      </c>
      <c r="F16" s="94">
        <v>5.5265308250524697E-2</v>
      </c>
      <c r="G16" s="93">
        <v>8.7846771223717132E-2</v>
      </c>
      <c r="H16" s="94">
        <v>6.0792896581936838E-2</v>
      </c>
      <c r="I16" s="93">
        <v>0.77320637267675141</v>
      </c>
      <c r="J16" s="94">
        <v>8.4701787878305845E-2</v>
      </c>
      <c r="K16" s="93">
        <v>7.1881276496556332E-2</v>
      </c>
      <c r="L16" s="94">
        <v>5.6619121581589681E-2</v>
      </c>
      <c r="M16" s="92">
        <v>97</v>
      </c>
      <c r="N16" s="101">
        <v>5.6</v>
      </c>
      <c r="O16" s="102">
        <v>0.31359999999999999</v>
      </c>
      <c r="P16" s="93">
        <v>0.11685423133826657</v>
      </c>
      <c r="Q16" s="94">
        <v>6.7368307497583046E-2</v>
      </c>
      <c r="R16" s="93">
        <v>4.6066000858728098E-2</v>
      </c>
      <c r="S16" s="94">
        <v>4.8723102945312506E-2</v>
      </c>
      <c r="T16" s="93">
        <v>0.83707976780300575</v>
      </c>
      <c r="U16" s="94">
        <v>7.5831715502265695E-2</v>
      </c>
      <c r="V16" s="93">
        <v>0</v>
      </c>
      <c r="W16" s="94">
        <v>2.7725572981612018E-2</v>
      </c>
    </row>
    <row r="17" spans="1:45" ht="25.5">
      <c r="A17" s="49" t="s">
        <v>437</v>
      </c>
      <c r="B17" s="104">
        <v>115</v>
      </c>
      <c r="C17" s="105">
        <v>5.5623493684622662</v>
      </c>
      <c r="D17" s="106">
        <v>0.23519999999999999</v>
      </c>
      <c r="E17" s="96">
        <v>8.3138119236067926E-2</v>
      </c>
      <c r="F17" s="97">
        <v>5.4298306379329787E-2</v>
      </c>
      <c r="G17" s="96">
        <v>4.9180539651614702E-2</v>
      </c>
      <c r="H17" s="97">
        <v>4.498188394884365E-2</v>
      </c>
      <c r="I17" s="96">
        <v>0.82171580357257779</v>
      </c>
      <c r="J17" s="97">
        <v>7.1793366885224613E-2</v>
      </c>
      <c r="K17" s="96">
        <v>4.5965537539739559E-2</v>
      </c>
      <c r="L17" s="97">
        <v>4.3955068772455225E-2</v>
      </c>
      <c r="M17" s="95">
        <v>114</v>
      </c>
      <c r="N17" s="105">
        <v>5.8</v>
      </c>
      <c r="O17" s="106">
        <v>0.25480000000000003</v>
      </c>
      <c r="P17" s="96">
        <v>6.6605577990152168E-2</v>
      </c>
      <c r="Q17" s="97">
        <v>5.0316869176529659E-2</v>
      </c>
      <c r="R17" s="96">
        <v>9.6390941760199522E-2</v>
      </c>
      <c r="S17" s="97">
        <v>5.7624331735417277E-2</v>
      </c>
      <c r="T17" s="96">
        <v>0.83700348024964855</v>
      </c>
      <c r="U17" s="97">
        <v>6.9866192274113212E-2</v>
      </c>
      <c r="V17" s="96">
        <v>0</v>
      </c>
      <c r="W17" s="97">
        <v>2.3765720057393202E-2</v>
      </c>
    </row>
    <row r="18" spans="1:45">
      <c r="A18" s="45" t="s">
        <v>453</v>
      </c>
      <c r="B18" s="100">
        <v>532</v>
      </c>
      <c r="C18" s="101">
        <v>5.4076250458400263</v>
      </c>
      <c r="D18" s="102">
        <v>9.8000000000000004E-2</v>
      </c>
      <c r="E18" s="93">
        <v>9.9454881519607671E-2</v>
      </c>
      <c r="F18" s="94">
        <v>2.6195198104677568E-2</v>
      </c>
      <c r="G18" s="93">
        <v>7.2228379735376005E-2</v>
      </c>
      <c r="H18" s="94">
        <v>2.2812084791210156E-2</v>
      </c>
      <c r="I18" s="93">
        <v>0.80410854569141899</v>
      </c>
      <c r="J18" s="94">
        <v>3.4435010215997396E-2</v>
      </c>
      <c r="K18" s="93">
        <v>2.4208193053596228E-2</v>
      </c>
      <c r="L18" s="94">
        <v>1.41917368385401E-2</v>
      </c>
      <c r="M18" s="92">
        <v>534</v>
      </c>
      <c r="N18" s="101">
        <v>5.6</v>
      </c>
      <c r="O18" s="102">
        <v>0.1176</v>
      </c>
      <c r="P18" s="93">
        <v>9.3286299472803313E-2</v>
      </c>
      <c r="Q18" s="94">
        <v>2.5438100372583532E-2</v>
      </c>
      <c r="R18" s="93">
        <v>0.10284237298795172</v>
      </c>
      <c r="S18" s="94">
        <v>2.6521028997826594E-2</v>
      </c>
      <c r="T18" s="93">
        <v>0.79566191927960828</v>
      </c>
      <c r="U18" s="94">
        <v>3.4906040955834834E-2</v>
      </c>
      <c r="V18" s="93">
        <v>8.2094082596370268E-3</v>
      </c>
      <c r="W18" s="94">
        <v>9.3367585639788937E-3</v>
      </c>
    </row>
    <row r="19" spans="1:45" ht="25.5">
      <c r="A19" s="49" t="s">
        <v>438</v>
      </c>
      <c r="B19" s="104">
        <v>78</v>
      </c>
      <c r="C19" s="105">
        <v>5.2115689249704538</v>
      </c>
      <c r="D19" s="106">
        <v>0.25480000000000003</v>
      </c>
      <c r="E19" s="96">
        <v>0.14690663257244571</v>
      </c>
      <c r="F19" s="97">
        <v>8.1806378435593644E-2</v>
      </c>
      <c r="G19" s="96">
        <v>0.11455127955811151</v>
      </c>
      <c r="H19" s="97">
        <v>7.5083842096832012E-2</v>
      </c>
      <c r="I19" s="96">
        <v>0.65659569713993615</v>
      </c>
      <c r="J19" s="97">
        <v>0.10541713821709721</v>
      </c>
      <c r="K19" s="96">
        <v>8.1946390729507018E-2</v>
      </c>
      <c r="L19" s="97">
        <v>6.6942249477752749E-2</v>
      </c>
      <c r="M19" s="95">
        <v>78</v>
      </c>
      <c r="N19" s="105">
        <v>5.3</v>
      </c>
      <c r="O19" s="106">
        <v>0.3332</v>
      </c>
      <c r="P19" s="96">
        <v>0.22523291257845662</v>
      </c>
      <c r="Q19" s="97">
        <v>9.4142848459533274E-2</v>
      </c>
      <c r="R19" s="96">
        <v>9.096557418993452E-2</v>
      </c>
      <c r="S19" s="97">
        <v>6.935787902736576E-2</v>
      </c>
      <c r="T19" s="96">
        <v>0.6838015132316092</v>
      </c>
      <c r="U19" s="97">
        <v>0.10346025935595798</v>
      </c>
      <c r="V19" s="96">
        <v>0</v>
      </c>
      <c r="W19" s="97">
        <v>3.406977052534528E-2</v>
      </c>
    </row>
    <row r="20" spans="1:45" ht="25.5">
      <c r="A20" s="45" t="s">
        <v>439</v>
      </c>
      <c r="B20" s="83">
        <v>78</v>
      </c>
      <c r="C20" s="84">
        <v>5.9292937149422826</v>
      </c>
      <c r="D20" s="85">
        <v>0.29399999999999998</v>
      </c>
      <c r="E20" s="98">
        <v>3.6632320649339828E-2</v>
      </c>
      <c r="F20" s="94">
        <v>5.2138073330549907E-2</v>
      </c>
      <c r="G20" s="98">
        <v>3.0150737287866044E-2</v>
      </c>
      <c r="H20" s="94">
        <v>4.9511647289427196E-2</v>
      </c>
      <c r="I20" s="98">
        <v>0.9129519198878423</v>
      </c>
      <c r="J20" s="94">
        <v>6.8325596033479749E-2</v>
      </c>
      <c r="K20" s="98">
        <v>2.0265022174952203E-2</v>
      </c>
      <c r="L20" s="94">
        <v>4.5133917396176282E-2</v>
      </c>
      <c r="M20" s="83">
        <v>79</v>
      </c>
      <c r="N20" s="84">
        <v>6</v>
      </c>
      <c r="O20" s="85">
        <v>0.31359999999999999</v>
      </c>
      <c r="P20" s="98">
        <v>6.9526859450932676E-2</v>
      </c>
      <c r="Q20" s="94">
        <v>6.2910691776728617E-2</v>
      </c>
      <c r="R20" s="98">
        <v>3.559464272085347E-2</v>
      </c>
      <c r="S20" s="94">
        <v>5.1303233107062661E-2</v>
      </c>
      <c r="T20" s="98">
        <v>0.87776583558426424</v>
      </c>
      <c r="U20" s="94">
        <v>7.6273579994442106E-2</v>
      </c>
      <c r="V20" s="98">
        <v>1.7112662243949587E-2</v>
      </c>
      <c r="W20" s="94">
        <v>4.3216153918655631E-2</v>
      </c>
    </row>
    <row r="21" spans="1:45">
      <c r="A21" s="49" t="s">
        <v>440</v>
      </c>
      <c r="B21" s="104">
        <v>78</v>
      </c>
      <c r="C21" s="105">
        <v>5.6921088641822326</v>
      </c>
      <c r="D21" s="106">
        <v>0.25480000000000003</v>
      </c>
      <c r="E21" s="96">
        <v>5.7714112236879354E-2</v>
      </c>
      <c r="F21" s="97">
        <v>5.9674843636916941E-2</v>
      </c>
      <c r="G21" s="96">
        <v>5.8967580174056025E-2</v>
      </c>
      <c r="H21" s="97">
        <v>6.0082913429433595E-2</v>
      </c>
      <c r="I21" s="96">
        <v>0.88331830758906449</v>
      </c>
      <c r="J21" s="97">
        <v>7.5563690593301369E-2</v>
      </c>
      <c r="K21" s="96">
        <v>0</v>
      </c>
      <c r="L21" s="97">
        <v>3.406977052534528E-2</v>
      </c>
      <c r="M21" s="95">
        <v>79</v>
      </c>
      <c r="N21" s="105">
        <v>5.8</v>
      </c>
      <c r="O21" s="106">
        <v>0.23519999999999999</v>
      </c>
      <c r="P21" s="96">
        <v>1.025658184974027E-2</v>
      </c>
      <c r="Q21" s="97">
        <v>3.9705096310925204E-2</v>
      </c>
      <c r="R21" s="96">
        <v>6.136412371880369E-2</v>
      </c>
      <c r="S21" s="97">
        <v>6.0398844534575592E-2</v>
      </c>
      <c r="T21" s="96">
        <v>0.92837929443145584</v>
      </c>
      <c r="U21" s="97">
        <v>6.3531633347156877E-2</v>
      </c>
      <c r="V21" s="96">
        <v>0</v>
      </c>
      <c r="W21" s="97">
        <v>3.3664360151118053E-2</v>
      </c>
    </row>
    <row r="22" spans="1:45">
      <c r="A22" s="57" t="s">
        <v>441</v>
      </c>
      <c r="B22" s="100">
        <v>74</v>
      </c>
      <c r="C22" s="101">
        <v>5.3919311342361569</v>
      </c>
      <c r="D22" s="102">
        <v>0.25480000000000003</v>
      </c>
      <c r="E22" s="93">
        <v>0.10990211422558305</v>
      </c>
      <c r="F22" s="94">
        <v>7.6134587491067829E-2</v>
      </c>
      <c r="G22" s="93">
        <v>5.6832993259437525E-2</v>
      </c>
      <c r="H22" s="94">
        <v>6.1281105701902851E-2</v>
      </c>
      <c r="I22" s="93">
        <v>0.83312629635687374</v>
      </c>
      <c r="J22" s="94">
        <v>8.7739967662104026E-2</v>
      </c>
      <c r="K22" s="93">
        <v>1.3859615810450586E-4</v>
      </c>
      <c r="L22" s="94">
        <v>3.5883209279836743E-2</v>
      </c>
      <c r="M22" s="92">
        <v>73</v>
      </c>
      <c r="N22" s="101">
        <v>5.6</v>
      </c>
      <c r="O22" s="102">
        <v>0.3332</v>
      </c>
      <c r="P22" s="93">
        <v>0.12001593032400872</v>
      </c>
      <c r="Q22" s="94">
        <v>7.9027794276585225E-2</v>
      </c>
      <c r="R22" s="93">
        <v>9.2243015279997162E-2</v>
      </c>
      <c r="S22" s="94">
        <v>7.2276496924475228E-2</v>
      </c>
      <c r="T22" s="93">
        <v>0.78774105439599396</v>
      </c>
      <c r="U22" s="94">
        <v>9.5505143474123436E-2</v>
      </c>
      <c r="V22" s="93">
        <v>0</v>
      </c>
      <c r="W22" s="94">
        <v>3.6252631573966396E-2</v>
      </c>
    </row>
    <row r="23" spans="1:45" ht="25.5">
      <c r="A23" s="49" t="s">
        <v>442</v>
      </c>
      <c r="B23" s="104">
        <v>111</v>
      </c>
      <c r="C23" s="105">
        <v>5.2586949938943901</v>
      </c>
      <c r="D23" s="106">
        <v>0.23519999999999999</v>
      </c>
      <c r="E23" s="96">
        <v>8.2435214447071165E-2</v>
      </c>
      <c r="F23" s="97">
        <v>5.518604712387E-2</v>
      </c>
      <c r="G23" s="96">
        <v>0.14063781701249431</v>
      </c>
      <c r="H23" s="97">
        <v>6.7162701021451957E-2</v>
      </c>
      <c r="I23" s="96">
        <v>0.70017773472938627</v>
      </c>
      <c r="J23" s="97">
        <v>8.6006663408062858E-2</v>
      </c>
      <c r="K23" s="96">
        <v>7.6749233811048645E-2</v>
      </c>
      <c r="L23" s="97">
        <v>5.3764075875919561E-2</v>
      </c>
      <c r="M23" s="95">
        <v>112</v>
      </c>
      <c r="N23" s="105">
        <v>5.6</v>
      </c>
      <c r="O23" s="106">
        <v>0.23519999999999999</v>
      </c>
      <c r="P23" s="96">
        <v>0.11118998532142189</v>
      </c>
      <c r="Q23" s="97">
        <v>6.1328048985661923E-2</v>
      </c>
      <c r="R23" s="96">
        <v>0.14856257838245435</v>
      </c>
      <c r="S23" s="97">
        <v>6.8194117199854715E-2</v>
      </c>
      <c r="T23" s="96">
        <v>0.74024743629612355</v>
      </c>
      <c r="U23" s="97">
        <v>8.2251327873871571E-2</v>
      </c>
      <c r="V23" s="96">
        <v>0</v>
      </c>
      <c r="W23" s="97">
        <v>2.4171880321350918E-2</v>
      </c>
    </row>
    <row r="24" spans="1:45">
      <c r="A24" s="57" t="s">
        <v>443</v>
      </c>
      <c r="B24" s="100">
        <v>167</v>
      </c>
      <c r="C24" s="101">
        <v>5.1943017025648421</v>
      </c>
      <c r="D24" s="102">
        <v>0.19600000000000001</v>
      </c>
      <c r="E24" s="93">
        <v>0.12493752334201755</v>
      </c>
      <c r="F24" s="94">
        <v>5.2053123094945489E-2</v>
      </c>
      <c r="G24" s="93">
        <v>7.9380147502964793E-2</v>
      </c>
      <c r="H24" s="94">
        <v>4.3598149334648222E-2</v>
      </c>
      <c r="I24" s="93">
        <v>0.76729985833723124</v>
      </c>
      <c r="J24" s="94">
        <v>6.5221950108430876E-2</v>
      </c>
      <c r="K24" s="93">
        <v>2.8382470817787428E-2</v>
      </c>
      <c r="L24" s="94">
        <v>2.9759645411812932E-2</v>
      </c>
      <c r="M24" s="92">
        <v>167</v>
      </c>
      <c r="N24" s="101">
        <v>5.5</v>
      </c>
      <c r="O24" s="102">
        <v>0.23519999999999999</v>
      </c>
      <c r="P24" s="93">
        <v>8.9543205778480614E-2</v>
      </c>
      <c r="Q24" s="94">
        <v>4.5708175684177642E-2</v>
      </c>
      <c r="R24" s="93">
        <v>0.13822141679221978</v>
      </c>
      <c r="S24" s="94">
        <v>5.4110101364655362E-2</v>
      </c>
      <c r="T24" s="93">
        <v>0.75521299027343358</v>
      </c>
      <c r="U24" s="94">
        <v>6.6293319362802305E-2</v>
      </c>
      <c r="V24" s="93">
        <v>1.7022387155866257E-2</v>
      </c>
      <c r="W24" s="94">
        <v>2.5371200007421664E-2</v>
      </c>
    </row>
    <row r="25" spans="1:45">
      <c r="A25" s="49" t="s">
        <v>455</v>
      </c>
      <c r="B25" s="104">
        <v>141</v>
      </c>
      <c r="C25" s="105">
        <v>5.4473776675289081</v>
      </c>
      <c r="D25" s="106">
        <v>0.19600000000000001</v>
      </c>
      <c r="E25" s="96">
        <v>3.8133276599403368E-2</v>
      </c>
      <c r="F25" s="97">
        <v>3.6497036330196471E-2</v>
      </c>
      <c r="G25" s="96">
        <v>0.15336592608085722</v>
      </c>
      <c r="H25" s="97">
        <v>6.1337423402445836E-2</v>
      </c>
      <c r="I25" s="96">
        <v>0.7636212462673343</v>
      </c>
      <c r="J25" s="97">
        <v>7.1300282535321821E-2</v>
      </c>
      <c r="K25" s="96">
        <v>4.4879551052404584E-2</v>
      </c>
      <c r="L25" s="97">
        <v>3.8644574899335794E-2</v>
      </c>
      <c r="M25" s="95">
        <v>142</v>
      </c>
      <c r="N25" s="105">
        <v>5.9</v>
      </c>
      <c r="O25" s="106">
        <v>0.19600000000000001</v>
      </c>
      <c r="P25" s="96">
        <v>3.1669838674647441E-2</v>
      </c>
      <c r="Q25" s="97">
        <v>3.4131285860973935E-2</v>
      </c>
      <c r="R25" s="96">
        <v>0.1013461762947348</v>
      </c>
      <c r="S25" s="97">
        <v>5.2254396258988089E-2</v>
      </c>
      <c r="T25" s="96">
        <v>0.86679393443805186</v>
      </c>
      <c r="U25" s="97">
        <v>5.7987518256230143E-2</v>
      </c>
      <c r="V25" s="96">
        <v>1.9005059256577744E-4</v>
      </c>
      <c r="W25" s="97">
        <v>1.9367196540761657E-2</v>
      </c>
    </row>
    <row r="26" spans="1:45">
      <c r="A26" s="57" t="s">
        <v>444</v>
      </c>
      <c r="B26" s="100">
        <v>87</v>
      </c>
      <c r="C26" s="101">
        <v>5.554807537942394</v>
      </c>
      <c r="D26" s="102">
        <v>0.25480000000000003</v>
      </c>
      <c r="E26" s="93">
        <v>2.6681598951641922E-2</v>
      </c>
      <c r="F26" s="94">
        <v>4.4589362993516006E-2</v>
      </c>
      <c r="G26" s="93">
        <v>0.12364711679718138</v>
      </c>
      <c r="H26" s="94">
        <v>7.2789576704354014E-2</v>
      </c>
      <c r="I26" s="93">
        <v>0.79485043697272584</v>
      </c>
      <c r="J26" s="94">
        <v>8.6580468875322267E-2</v>
      </c>
      <c r="K26" s="93">
        <v>5.4820847278450623E-2</v>
      </c>
      <c r="L26" s="94">
        <v>5.5014649121158755E-2</v>
      </c>
      <c r="M26" s="92">
        <v>88</v>
      </c>
      <c r="N26" s="101">
        <v>5.8</v>
      </c>
      <c r="O26" s="102">
        <v>0.25480000000000003</v>
      </c>
      <c r="P26" s="99">
        <v>3.40755301314088E-2</v>
      </c>
      <c r="Q26" s="94">
        <v>4.7264762270748224E-2</v>
      </c>
      <c r="R26" s="93">
        <v>0.13498839021854728</v>
      </c>
      <c r="S26" s="94">
        <v>7.462957369056071E-2</v>
      </c>
      <c r="T26" s="93">
        <v>0.83093607965004435</v>
      </c>
      <c r="U26" s="94">
        <v>8.0702794998490743E-2</v>
      </c>
      <c r="V26" s="93">
        <v>0</v>
      </c>
      <c r="W26" s="94">
        <v>3.0407765486097187E-2</v>
      </c>
    </row>
    <row r="27" spans="1:45">
      <c r="A27" s="49" t="s">
        <v>454</v>
      </c>
      <c r="B27" s="104">
        <v>251</v>
      </c>
      <c r="C27" s="105">
        <v>5.3013528456624499</v>
      </c>
      <c r="D27" s="106">
        <v>0.15679999999999999</v>
      </c>
      <c r="E27" s="96">
        <v>7.2701137131179663E-2</v>
      </c>
      <c r="F27" s="97">
        <v>3.3862209999685845E-2</v>
      </c>
      <c r="G27" s="96">
        <v>0.14397993298790154</v>
      </c>
      <c r="H27" s="97">
        <v>4.4667837872208356E-2</v>
      </c>
      <c r="I27" s="96">
        <v>0.65367293558608797</v>
      </c>
      <c r="J27" s="97">
        <v>5.9688037685794906E-2</v>
      </c>
      <c r="K27" s="96">
        <v>0.1296459942948309</v>
      </c>
      <c r="L27" s="97">
        <v>4.2859969868288328E-2</v>
      </c>
      <c r="M27" s="95">
        <v>251</v>
      </c>
      <c r="N27" s="105">
        <v>5.6</v>
      </c>
      <c r="O27" s="106">
        <v>0.15679999999999999</v>
      </c>
      <c r="P27" s="96">
        <v>0.1043008120598042</v>
      </c>
      <c r="Q27" s="97">
        <v>3.9266983873011661E-2</v>
      </c>
      <c r="R27" s="96">
        <v>0.113817267297057</v>
      </c>
      <c r="S27" s="97">
        <v>4.0681452435237256E-2</v>
      </c>
      <c r="T27" s="96">
        <v>0.78188192064313955</v>
      </c>
      <c r="U27" s="97">
        <v>5.2095811174956354E-2</v>
      </c>
      <c r="V27" s="96">
        <v>0</v>
      </c>
      <c r="W27" s="97">
        <v>1.1048287918401021E-2</v>
      </c>
    </row>
    <row r="28" spans="1:45" ht="25.5">
      <c r="A28" s="57" t="s">
        <v>445</v>
      </c>
      <c r="B28" s="100">
        <v>107</v>
      </c>
      <c r="C28" s="101">
        <v>5.2287345875454641</v>
      </c>
      <c r="D28" s="102">
        <v>0.23519999999999999</v>
      </c>
      <c r="E28" s="93">
        <v>7.7537040333183163E-2</v>
      </c>
      <c r="F28" s="94">
        <v>5.5069600676807225E-2</v>
      </c>
      <c r="G28" s="93">
        <v>0.11038203487251957</v>
      </c>
      <c r="H28" s="94">
        <v>6.2656336425573916E-2</v>
      </c>
      <c r="I28" s="93">
        <v>0.70216929862816502</v>
      </c>
      <c r="J28" s="94">
        <v>8.7409208146900272E-2</v>
      </c>
      <c r="K28" s="93">
        <v>0.10991162616613254</v>
      </c>
      <c r="L28" s="94">
        <v>6.2558249729975896E-2</v>
      </c>
      <c r="M28" s="92">
        <v>107</v>
      </c>
      <c r="N28" s="101">
        <v>5.6</v>
      </c>
      <c r="O28" s="102">
        <v>0.23519999999999999</v>
      </c>
      <c r="P28" s="99">
        <v>3.9124886544036543E-2</v>
      </c>
      <c r="Q28" s="94">
        <v>4.3548391471012249E-2</v>
      </c>
      <c r="R28" s="93">
        <v>0.14417682254006428</v>
      </c>
      <c r="S28" s="94">
        <v>6.9060752901167269E-2</v>
      </c>
      <c r="T28" s="93">
        <v>0.81669829091589963</v>
      </c>
      <c r="U28" s="94">
        <v>7.5169626082327093E-2</v>
      </c>
      <c r="V28" s="93">
        <v>0</v>
      </c>
      <c r="W28" s="94">
        <v>2.5250720474759302E-2</v>
      </c>
    </row>
    <row r="29" spans="1:45" ht="25.5">
      <c r="A29" s="49" t="s">
        <v>471</v>
      </c>
      <c r="B29" s="104">
        <v>90</v>
      </c>
      <c r="C29" s="105">
        <v>5.3669139163342097</v>
      </c>
      <c r="D29" s="106">
        <v>0.25480000000000003</v>
      </c>
      <c r="E29" s="96">
        <v>6.4414081481568103E-2</v>
      </c>
      <c r="F29" s="97">
        <v>5.6894455338945764E-2</v>
      </c>
      <c r="G29" s="96">
        <v>0.15223650009365586</v>
      </c>
      <c r="H29" s="97">
        <v>7.6945483163552014E-2</v>
      </c>
      <c r="I29" s="96">
        <v>0.63191081420694983</v>
      </c>
      <c r="J29" s="97">
        <v>9.9797437234732417E-2</v>
      </c>
      <c r="K29" s="96">
        <v>0.15143860421782698</v>
      </c>
      <c r="L29" s="97">
        <v>7.680452038293159E-2</v>
      </c>
      <c r="M29" s="95">
        <v>90</v>
      </c>
      <c r="N29" s="105">
        <v>5.4</v>
      </c>
      <c r="O29" s="106">
        <v>0.27440000000000003</v>
      </c>
      <c r="P29" s="96">
        <v>0.15715989556818294</v>
      </c>
      <c r="Q29" s="97">
        <v>7.7802579799793853E-2</v>
      </c>
      <c r="R29" s="96">
        <v>8.1780422329798624E-2</v>
      </c>
      <c r="S29" s="97">
        <v>6.1768759284549335E-2</v>
      </c>
      <c r="T29" s="96">
        <v>0.76105968210201869</v>
      </c>
      <c r="U29" s="97">
        <v>8.9329563819356972E-2</v>
      </c>
      <c r="V29" s="96">
        <v>0</v>
      </c>
      <c r="W29" s="97">
        <v>2.976782656907849E-2</v>
      </c>
    </row>
    <row r="30" spans="1:45" ht="25.5">
      <c r="A30" s="57" t="s">
        <v>442</v>
      </c>
      <c r="B30" s="100">
        <v>111</v>
      </c>
      <c r="C30" s="101">
        <v>5.2586949938943901</v>
      </c>
      <c r="D30" s="102">
        <v>0.23519999999999999</v>
      </c>
      <c r="E30" s="93">
        <v>8.2435214447071165E-2</v>
      </c>
      <c r="F30" s="94">
        <v>5.518604712387E-2</v>
      </c>
      <c r="G30" s="93">
        <v>0.14063781701249431</v>
      </c>
      <c r="H30" s="94">
        <v>6.7162701021451957E-2</v>
      </c>
      <c r="I30" s="93">
        <v>0.70017773472938627</v>
      </c>
      <c r="J30" s="94">
        <v>8.6006663408062858E-2</v>
      </c>
      <c r="K30" s="93">
        <v>7.6749233811048645E-2</v>
      </c>
      <c r="L30" s="94">
        <v>5.3764075875919561E-2</v>
      </c>
      <c r="M30" s="92">
        <v>112</v>
      </c>
      <c r="N30" s="101">
        <v>5.6</v>
      </c>
      <c r="O30" s="102">
        <v>0.23519999999999999</v>
      </c>
      <c r="P30" s="99">
        <v>0.11118998532142189</v>
      </c>
      <c r="Q30" s="94">
        <v>6.1328048985661923E-2</v>
      </c>
      <c r="R30" s="93">
        <v>0.14856257838245435</v>
      </c>
      <c r="S30" s="94">
        <v>6.8194117199854715E-2</v>
      </c>
      <c r="T30" s="93">
        <v>0.74024743629612355</v>
      </c>
      <c r="U30" s="94">
        <v>8.2251327873871571E-2</v>
      </c>
      <c r="V30" s="93">
        <v>0</v>
      </c>
      <c r="W30" s="94">
        <v>2.4171880321350918E-2</v>
      </c>
    </row>
    <row r="32" spans="1:45" ht="21" customHeight="1">
      <c r="A32" s="320" t="s">
        <v>34</v>
      </c>
      <c r="B32" s="320"/>
      <c r="C32" s="320"/>
      <c r="D32" s="320"/>
      <c r="E32" s="320"/>
      <c r="F32" s="320"/>
      <c r="G32" s="320"/>
      <c r="H32" s="320"/>
      <c r="I32" s="320"/>
      <c r="J32" s="320"/>
      <c r="K32" s="320"/>
      <c r="L32" s="320"/>
      <c r="M32" s="320"/>
      <c r="N32" s="320"/>
      <c r="O32" s="320"/>
      <c r="P32" s="320"/>
      <c r="Q32" s="320"/>
      <c r="R32" s="320"/>
      <c r="S32" s="320"/>
      <c r="T32" s="320"/>
      <c r="U32" s="320"/>
      <c r="V32" s="320"/>
      <c r="W32" s="320"/>
      <c r="X32" s="320"/>
      <c r="Y32" s="320"/>
      <c r="Z32" s="320"/>
      <c r="AA32" s="320"/>
      <c r="AB32" s="320"/>
      <c r="AC32" s="320"/>
      <c r="AD32" s="320"/>
      <c r="AE32" s="320"/>
      <c r="AF32" s="320"/>
      <c r="AG32" s="320"/>
      <c r="AH32" s="320"/>
      <c r="AI32" s="320"/>
      <c r="AJ32" s="320"/>
      <c r="AK32" s="320"/>
      <c r="AL32" s="320"/>
      <c r="AM32" s="320"/>
      <c r="AN32" s="320"/>
      <c r="AO32" s="320"/>
      <c r="AP32" s="320"/>
      <c r="AQ32" s="320"/>
      <c r="AR32" s="320"/>
      <c r="AS32" s="320"/>
    </row>
    <row r="33" spans="1:45" ht="73.5" customHeight="1">
      <c r="A33" s="374" t="s">
        <v>381</v>
      </c>
      <c r="B33" s="374"/>
      <c r="C33" s="374"/>
      <c r="D33" s="374"/>
      <c r="E33" s="374"/>
      <c r="F33" s="374"/>
      <c r="G33" s="374"/>
      <c r="H33" s="374"/>
      <c r="I33" s="374"/>
      <c r="J33" s="374"/>
      <c r="K33" s="374"/>
      <c r="L33" s="374"/>
      <c r="M33" s="374"/>
      <c r="N33" s="374"/>
      <c r="O33" s="374"/>
      <c r="P33" s="374"/>
      <c r="Q33" s="374"/>
      <c r="R33" s="374"/>
      <c r="S33" s="374"/>
      <c r="T33" s="374"/>
      <c r="U33" s="374"/>
      <c r="V33" s="374"/>
      <c r="W33" s="374"/>
      <c r="X33" s="374"/>
      <c r="Y33" s="374"/>
      <c r="Z33" s="374"/>
      <c r="AA33" s="374"/>
      <c r="AB33" s="374"/>
      <c r="AC33" s="374"/>
      <c r="AD33" s="374"/>
      <c r="AE33" s="374"/>
      <c r="AF33" s="374"/>
      <c r="AG33" s="374"/>
      <c r="AH33" s="374"/>
      <c r="AI33" s="374"/>
      <c r="AJ33" s="374"/>
      <c r="AK33" s="374"/>
      <c r="AL33" s="374"/>
      <c r="AM33" s="374"/>
      <c r="AN33" s="374"/>
      <c r="AO33" s="374"/>
      <c r="AP33" s="374"/>
      <c r="AQ33" s="374"/>
      <c r="AR33" s="374"/>
      <c r="AS33" s="374"/>
    </row>
    <row r="34" spans="1:45" ht="37.5" customHeight="1">
      <c r="A34" s="64"/>
      <c r="B34" s="339" t="s">
        <v>105</v>
      </c>
      <c r="C34" s="340"/>
      <c r="D34" s="340"/>
      <c r="E34" s="340"/>
      <c r="F34" s="340"/>
      <c r="G34" s="340"/>
      <c r="H34" s="340"/>
      <c r="I34" s="340"/>
      <c r="J34" s="340"/>
      <c r="K34" s="340"/>
      <c r="L34" s="341"/>
      <c r="M34" s="339" t="s">
        <v>106</v>
      </c>
      <c r="N34" s="340"/>
      <c r="O34" s="340"/>
      <c r="P34" s="340"/>
      <c r="Q34" s="340"/>
      <c r="R34" s="340"/>
      <c r="S34" s="340"/>
      <c r="T34" s="340"/>
      <c r="U34" s="340"/>
      <c r="V34" s="340"/>
      <c r="W34" s="341"/>
      <c r="X34" s="339" t="s">
        <v>107</v>
      </c>
      <c r="Y34" s="340"/>
      <c r="Z34" s="340"/>
      <c r="AA34" s="340"/>
      <c r="AB34" s="340"/>
      <c r="AC34" s="340"/>
      <c r="AD34" s="340"/>
      <c r="AE34" s="340"/>
      <c r="AF34" s="340"/>
      <c r="AG34" s="340"/>
      <c r="AH34" s="341"/>
      <c r="AI34" s="339" t="s">
        <v>108</v>
      </c>
      <c r="AJ34" s="340"/>
      <c r="AK34" s="340"/>
      <c r="AL34" s="340"/>
      <c r="AM34" s="340"/>
      <c r="AN34" s="340"/>
      <c r="AO34" s="340"/>
      <c r="AP34" s="340"/>
      <c r="AQ34" s="340"/>
      <c r="AR34" s="340"/>
      <c r="AS34" s="341"/>
    </row>
    <row r="35" spans="1:45" ht="72">
      <c r="A35" s="37" t="s">
        <v>85</v>
      </c>
      <c r="B35" s="38" t="s">
        <v>86</v>
      </c>
      <c r="C35" s="39" t="s">
        <v>87</v>
      </c>
      <c r="D35" s="40" t="s">
        <v>88</v>
      </c>
      <c r="E35" s="38" t="s">
        <v>185</v>
      </c>
      <c r="F35" s="89" t="s">
        <v>109</v>
      </c>
      <c r="G35" s="38" t="s">
        <v>186</v>
      </c>
      <c r="H35" s="89" t="s">
        <v>110</v>
      </c>
      <c r="I35" s="38" t="s">
        <v>187</v>
      </c>
      <c r="J35" s="89" t="s">
        <v>111</v>
      </c>
      <c r="K35" s="38" t="s">
        <v>356</v>
      </c>
      <c r="L35" s="89" t="s">
        <v>355</v>
      </c>
      <c r="M35" s="65" t="s">
        <v>86</v>
      </c>
      <c r="N35" s="66" t="s">
        <v>87</v>
      </c>
      <c r="O35" s="67" t="s">
        <v>88</v>
      </c>
      <c r="P35" s="65" t="s">
        <v>188</v>
      </c>
      <c r="Q35" s="88" t="s">
        <v>112</v>
      </c>
      <c r="R35" s="65" t="s">
        <v>189</v>
      </c>
      <c r="S35" s="88" t="s">
        <v>113</v>
      </c>
      <c r="T35" s="65" t="s">
        <v>190</v>
      </c>
      <c r="U35" s="88" t="s">
        <v>114</v>
      </c>
      <c r="V35" s="65" t="s">
        <v>356</v>
      </c>
      <c r="W35" s="88" t="s">
        <v>355</v>
      </c>
      <c r="X35" s="38" t="s">
        <v>86</v>
      </c>
      <c r="Y35" s="39" t="s">
        <v>87</v>
      </c>
      <c r="Z35" s="40" t="s">
        <v>88</v>
      </c>
      <c r="AA35" s="38" t="s">
        <v>191</v>
      </c>
      <c r="AB35" s="89" t="s">
        <v>115</v>
      </c>
      <c r="AC35" s="38" t="s">
        <v>192</v>
      </c>
      <c r="AD35" s="89" t="s">
        <v>116</v>
      </c>
      <c r="AE35" s="38" t="s">
        <v>193</v>
      </c>
      <c r="AF35" s="89" t="s">
        <v>117</v>
      </c>
      <c r="AG35" s="38" t="s">
        <v>356</v>
      </c>
      <c r="AH35" s="89" t="s">
        <v>355</v>
      </c>
      <c r="AI35" s="65" t="s">
        <v>86</v>
      </c>
      <c r="AJ35" s="66" t="s">
        <v>87</v>
      </c>
      <c r="AK35" s="67" t="s">
        <v>88</v>
      </c>
      <c r="AL35" s="65" t="s">
        <v>194</v>
      </c>
      <c r="AM35" s="88" t="s">
        <v>118</v>
      </c>
      <c r="AN35" s="65" t="s">
        <v>195</v>
      </c>
      <c r="AO35" s="88" t="s">
        <v>119</v>
      </c>
      <c r="AP35" s="65" t="s">
        <v>196</v>
      </c>
      <c r="AQ35" s="88" t="s">
        <v>120</v>
      </c>
      <c r="AR35" s="65" t="s">
        <v>356</v>
      </c>
      <c r="AS35" s="88" t="s">
        <v>355</v>
      </c>
    </row>
    <row r="36" spans="1:45" ht="93" customHeight="1">
      <c r="A36" s="41"/>
      <c r="B36" s="42" t="s">
        <v>89</v>
      </c>
      <c r="C36" s="43" t="s">
        <v>121</v>
      </c>
      <c r="D36" s="44" t="s">
        <v>91</v>
      </c>
      <c r="E36" s="42" t="s">
        <v>182</v>
      </c>
      <c r="F36" s="91" t="s">
        <v>104</v>
      </c>
      <c r="G36" s="42" t="s">
        <v>183</v>
      </c>
      <c r="H36" s="91" t="s">
        <v>104</v>
      </c>
      <c r="I36" s="42" t="s">
        <v>184</v>
      </c>
      <c r="J36" s="91" t="s">
        <v>104</v>
      </c>
      <c r="K36" s="42" t="s">
        <v>356</v>
      </c>
      <c r="L36" s="91" t="s">
        <v>104</v>
      </c>
      <c r="M36" s="68" t="s">
        <v>89</v>
      </c>
      <c r="N36" s="69" t="s">
        <v>121</v>
      </c>
      <c r="O36" s="70" t="s">
        <v>91</v>
      </c>
      <c r="P36" s="68" t="s">
        <v>182</v>
      </c>
      <c r="Q36" s="90" t="s">
        <v>104</v>
      </c>
      <c r="R36" s="68" t="s">
        <v>183</v>
      </c>
      <c r="S36" s="90" t="s">
        <v>104</v>
      </c>
      <c r="T36" s="68" t="s">
        <v>184</v>
      </c>
      <c r="U36" s="90" t="s">
        <v>104</v>
      </c>
      <c r="V36" s="68" t="s">
        <v>356</v>
      </c>
      <c r="W36" s="90" t="s">
        <v>104</v>
      </c>
      <c r="X36" s="42" t="s">
        <v>89</v>
      </c>
      <c r="Y36" s="43" t="s">
        <v>121</v>
      </c>
      <c r="Z36" s="44" t="s">
        <v>91</v>
      </c>
      <c r="AA36" s="42" t="s">
        <v>182</v>
      </c>
      <c r="AB36" s="91" t="s">
        <v>104</v>
      </c>
      <c r="AC36" s="42" t="s">
        <v>183</v>
      </c>
      <c r="AD36" s="91" t="s">
        <v>104</v>
      </c>
      <c r="AE36" s="42" t="s">
        <v>184</v>
      </c>
      <c r="AF36" s="91" t="s">
        <v>104</v>
      </c>
      <c r="AG36" s="42" t="s">
        <v>356</v>
      </c>
      <c r="AH36" s="91" t="s">
        <v>104</v>
      </c>
      <c r="AI36" s="68" t="s">
        <v>89</v>
      </c>
      <c r="AJ36" s="69" t="s">
        <v>121</v>
      </c>
      <c r="AK36" s="70" t="s">
        <v>91</v>
      </c>
      <c r="AL36" s="68" t="s">
        <v>182</v>
      </c>
      <c r="AM36" s="90" t="s">
        <v>104</v>
      </c>
      <c r="AN36" s="68" t="s">
        <v>183</v>
      </c>
      <c r="AO36" s="90" t="s">
        <v>104</v>
      </c>
      <c r="AP36" s="68" t="s">
        <v>184</v>
      </c>
      <c r="AQ36" s="90" t="s">
        <v>104</v>
      </c>
      <c r="AR36" s="68" t="s">
        <v>356</v>
      </c>
      <c r="AS36" s="90" t="s">
        <v>104</v>
      </c>
    </row>
    <row r="37" spans="1:45">
      <c r="A37" s="45" t="s">
        <v>430</v>
      </c>
      <c r="B37" s="100">
        <v>8579</v>
      </c>
      <c r="C37" s="101">
        <v>4.5</v>
      </c>
      <c r="D37" s="102">
        <v>3.9199999999999999E-2</v>
      </c>
      <c r="E37" s="103">
        <v>0.217</v>
      </c>
      <c r="F37" s="94">
        <v>8.9005438874569607E-3</v>
      </c>
      <c r="G37" s="103">
        <v>0.24399999999999999</v>
      </c>
      <c r="H37" s="94">
        <v>9.2733815502201253E-3</v>
      </c>
      <c r="I37" s="103">
        <v>0.52</v>
      </c>
      <c r="J37" s="94">
        <v>1.0785320473258423E-2</v>
      </c>
      <c r="K37" s="93">
        <v>1.9E-2</v>
      </c>
      <c r="L37" s="94">
        <v>2.9642788130103989E-3</v>
      </c>
      <c r="M37" s="100">
        <v>8573</v>
      </c>
      <c r="N37" s="101">
        <v>4.7</v>
      </c>
      <c r="O37" s="102">
        <v>3.9199999999999999E-2</v>
      </c>
      <c r="P37" s="103">
        <v>0.157</v>
      </c>
      <c r="Q37" s="94">
        <v>7.8596974369174438E-3</v>
      </c>
      <c r="R37" s="103">
        <v>0.248</v>
      </c>
      <c r="S37" s="94">
        <v>9.3275157526843833E-3</v>
      </c>
      <c r="T37" s="103">
        <v>0.57799999999999996</v>
      </c>
      <c r="U37" s="94">
        <v>1.0665653882230933E-2</v>
      </c>
      <c r="V37" s="93">
        <v>1.7000000000000001E-2</v>
      </c>
      <c r="W37" s="94">
        <v>2.8097785764018457E-3</v>
      </c>
      <c r="X37" s="100">
        <v>8549</v>
      </c>
      <c r="Y37" s="101">
        <v>4.0999999999999996</v>
      </c>
      <c r="Z37" s="102">
        <v>3.9199999999999999E-2</v>
      </c>
      <c r="AA37" s="103">
        <v>0.151</v>
      </c>
      <c r="AB37" s="94">
        <v>7.746507017582273E-3</v>
      </c>
      <c r="AC37" s="103">
        <v>0.248</v>
      </c>
      <c r="AD37" s="94">
        <v>9.3405974024513751E-3</v>
      </c>
      <c r="AE37" s="103">
        <v>0.58599999999999997</v>
      </c>
      <c r="AF37" s="94">
        <v>1.0651871744154428E-2</v>
      </c>
      <c r="AG37" s="93">
        <v>1.4999999999999999E-2</v>
      </c>
      <c r="AH37" s="94">
        <v>2.6481555205133981E-3</v>
      </c>
      <c r="AI37" s="100">
        <v>8542</v>
      </c>
      <c r="AJ37" s="101">
        <v>4.8</v>
      </c>
      <c r="AK37" s="102">
        <v>3.9199999999999999E-2</v>
      </c>
      <c r="AL37" s="103">
        <v>0.28199999999999997</v>
      </c>
      <c r="AM37" s="94">
        <v>9.7360550885938011E-3</v>
      </c>
      <c r="AN37" s="103">
        <v>0.26300000000000001</v>
      </c>
      <c r="AO37" s="94">
        <v>9.5261859184403042E-3</v>
      </c>
      <c r="AP37" s="103">
        <v>0.38900000000000001</v>
      </c>
      <c r="AQ37" s="94">
        <v>1.0547620410977942E-2</v>
      </c>
      <c r="AR37" s="93">
        <v>6.6000000000000003E-2</v>
      </c>
      <c r="AS37" s="94">
        <v>5.3791547440763463E-3</v>
      </c>
    </row>
    <row r="38" spans="1:45">
      <c r="A38" s="49" t="s">
        <v>431</v>
      </c>
      <c r="B38" s="104">
        <v>8696</v>
      </c>
      <c r="C38" s="105">
        <v>4.4594611108365676</v>
      </c>
      <c r="D38" s="106">
        <v>3.9199999999999999E-2</v>
      </c>
      <c r="E38" s="107">
        <v>0.23499999999999999</v>
      </c>
      <c r="F38" s="97">
        <v>9.0931213074317858E-3</v>
      </c>
      <c r="G38" s="107">
        <v>0.24199999999999999</v>
      </c>
      <c r="H38" s="97">
        <v>9.1851252615988647E-3</v>
      </c>
      <c r="I38" s="107">
        <v>0.505</v>
      </c>
      <c r="J38" s="97">
        <v>1.072058977154507E-2</v>
      </c>
      <c r="K38" s="96">
        <v>1.9E-2</v>
      </c>
      <c r="L38" s="97">
        <v>2.9440527887616471E-3</v>
      </c>
      <c r="M38" s="104">
        <v>8886</v>
      </c>
      <c r="N38" s="105">
        <v>4.7</v>
      </c>
      <c r="O38" s="106">
        <v>3.9199999999999999E-2</v>
      </c>
      <c r="P38" s="107">
        <v>0.16900000000000001</v>
      </c>
      <c r="Q38" s="97">
        <v>7.9519810379309573E-3</v>
      </c>
      <c r="R38" s="107">
        <v>0.245</v>
      </c>
      <c r="S38" s="97">
        <v>9.1243996556466256E-3</v>
      </c>
      <c r="T38" s="107">
        <v>0.56999999999999995</v>
      </c>
      <c r="U38" s="97">
        <v>1.050158075747489E-2</v>
      </c>
      <c r="V38" s="96">
        <v>1.6E-2</v>
      </c>
      <c r="W38" s="97">
        <v>2.679317662789837E-3</v>
      </c>
      <c r="X38" s="104">
        <v>7949</v>
      </c>
      <c r="Y38" s="105">
        <v>4.0999999999999996</v>
      </c>
      <c r="Z38" s="106">
        <v>3.9199999999999999E-2</v>
      </c>
      <c r="AA38" s="107">
        <v>0.152</v>
      </c>
      <c r="AB38" s="97">
        <v>8.0554406463226938E-3</v>
      </c>
      <c r="AC38" s="107">
        <v>0.251</v>
      </c>
      <c r="AD38" s="97">
        <v>9.7255524671177353E-3</v>
      </c>
      <c r="AE38" s="107">
        <v>0.58499999999999996</v>
      </c>
      <c r="AF38" s="97">
        <v>1.1050272417136468E-2</v>
      </c>
      <c r="AG38" s="96">
        <v>1.2E-2</v>
      </c>
      <c r="AH38" s="97">
        <v>2.4664723881987986E-3</v>
      </c>
      <c r="AI38" s="104">
        <v>7943</v>
      </c>
      <c r="AJ38" s="105">
        <v>4.8</v>
      </c>
      <c r="AK38" s="106">
        <v>3.1064098662889769E-2</v>
      </c>
      <c r="AL38" s="107">
        <v>0.29799999999999999</v>
      </c>
      <c r="AM38" s="97">
        <v>1.0262370733535442E-2</v>
      </c>
      <c r="AN38" s="107">
        <v>0.26500000000000001</v>
      </c>
      <c r="AO38" s="97">
        <v>9.9027758777084224E-3</v>
      </c>
      <c r="AP38" s="107">
        <v>0.38100000000000001</v>
      </c>
      <c r="AQ38" s="97">
        <v>1.0895554149113808E-2</v>
      </c>
      <c r="AR38" s="96">
        <v>5.7000000000000002E-2</v>
      </c>
      <c r="AS38" s="97">
        <v>5.2109644305612162E-3</v>
      </c>
    </row>
    <row r="39" spans="1:45">
      <c r="A39" s="45" t="s">
        <v>432</v>
      </c>
      <c r="B39" s="100">
        <v>776</v>
      </c>
      <c r="C39" s="101">
        <v>4.4854630000000002</v>
      </c>
      <c r="D39" s="102">
        <v>0.11200224</v>
      </c>
      <c r="E39" s="103">
        <v>0.21099999999999999</v>
      </c>
      <c r="F39" s="94">
        <v>2.9293687879203952E-2</v>
      </c>
      <c r="G39" s="103">
        <v>0.24</v>
      </c>
      <c r="H39" s="94">
        <v>3.0641981889738368E-2</v>
      </c>
      <c r="I39" s="103">
        <v>0.51100000000000001</v>
      </c>
      <c r="J39" s="94">
        <v>3.5797166328443888E-2</v>
      </c>
      <c r="K39" s="93">
        <v>3.7999999999999999E-2</v>
      </c>
      <c r="L39" s="94">
        <v>1.4094835565632262E-2</v>
      </c>
      <c r="M39" s="100">
        <v>775</v>
      </c>
      <c r="N39" s="101">
        <v>4.6161969999999997</v>
      </c>
      <c r="O39" s="102">
        <v>9.871344E-2</v>
      </c>
      <c r="P39" s="103">
        <v>0.17399999999999999</v>
      </c>
      <c r="Q39" s="94">
        <v>2.7268701222223194E-2</v>
      </c>
      <c r="R39" s="103">
        <v>0.246</v>
      </c>
      <c r="S39" s="94">
        <v>3.0916247869434862E-2</v>
      </c>
      <c r="T39" s="103">
        <v>0.54300000000000004</v>
      </c>
      <c r="U39" s="94">
        <v>3.5697339893335706E-2</v>
      </c>
      <c r="V39" s="93">
        <v>3.7999999999999999E-2</v>
      </c>
      <c r="W39" s="94">
        <v>1.4104388338444851E-2</v>
      </c>
      <c r="X39" s="100">
        <v>775</v>
      </c>
      <c r="Y39" s="101">
        <v>4.3922639999999999</v>
      </c>
      <c r="Z39" s="102">
        <v>0.10447388000000001</v>
      </c>
      <c r="AA39" s="103">
        <v>0.191</v>
      </c>
      <c r="AB39" s="94">
        <v>2.8256757126653952E-2</v>
      </c>
      <c r="AC39" s="103">
        <v>0.246</v>
      </c>
      <c r="AD39" s="94">
        <v>3.0916247869434862E-2</v>
      </c>
      <c r="AE39" s="103">
        <v>0.45</v>
      </c>
      <c r="AF39" s="94">
        <v>3.56509686938574E-2</v>
      </c>
      <c r="AG39" s="93">
        <v>0.113</v>
      </c>
      <c r="AH39" s="94">
        <v>2.2859184424296783E-2</v>
      </c>
      <c r="AI39" s="100">
        <v>771</v>
      </c>
      <c r="AJ39" s="101">
        <v>4.6649089999999998</v>
      </c>
      <c r="AK39" s="102">
        <v>0.10943268</v>
      </c>
      <c r="AL39" s="103">
        <v>0.19500000000000001</v>
      </c>
      <c r="AM39" s="94">
        <v>2.8550602952036635E-2</v>
      </c>
      <c r="AN39" s="103">
        <v>0.217</v>
      </c>
      <c r="AO39" s="94">
        <v>2.9685281825217638E-2</v>
      </c>
      <c r="AP39" s="103">
        <v>0.55100000000000005</v>
      </c>
      <c r="AQ39" s="94">
        <v>3.5735644426145609E-2</v>
      </c>
      <c r="AR39" s="93">
        <v>3.6999999999999998E-2</v>
      </c>
      <c r="AS39" s="94">
        <v>1.397474786793693E-2</v>
      </c>
    </row>
    <row r="40" spans="1:45">
      <c r="A40" s="49" t="s">
        <v>433</v>
      </c>
      <c r="B40" s="104">
        <v>104</v>
      </c>
      <c r="C40" s="105">
        <v>4.8</v>
      </c>
      <c r="D40" s="106">
        <v>0.29399999999999998</v>
      </c>
      <c r="E40" s="107">
        <v>0.127</v>
      </c>
      <c r="F40" s="97">
        <v>6.6939996000698179E-2</v>
      </c>
      <c r="G40" s="107">
        <v>0.217</v>
      </c>
      <c r="H40" s="97">
        <v>8.0676229245985526E-2</v>
      </c>
      <c r="I40" s="107">
        <v>0.61399999999999999</v>
      </c>
      <c r="J40" s="97">
        <v>9.3877153672819166E-2</v>
      </c>
      <c r="K40" s="96">
        <v>4.2000000000000003E-2</v>
      </c>
      <c r="L40" s="97">
        <v>4.5332651939973531E-2</v>
      </c>
      <c r="M40" s="104">
        <v>104</v>
      </c>
      <c r="N40" s="105">
        <v>4.7</v>
      </c>
      <c r="O40" s="106">
        <v>0.23519999999999999</v>
      </c>
      <c r="P40" s="107">
        <v>0.126</v>
      </c>
      <c r="Q40" s="97">
        <v>6.6748092325482178E-2</v>
      </c>
      <c r="R40" s="107">
        <v>0.252</v>
      </c>
      <c r="S40" s="97">
        <v>8.4539599361387524E-2</v>
      </c>
      <c r="T40" s="107">
        <v>0.57199999999999995</v>
      </c>
      <c r="U40" s="97">
        <v>9.5295425425336575E-2</v>
      </c>
      <c r="V40" s="96">
        <v>5.0999999999999997E-2</v>
      </c>
      <c r="W40" s="97">
        <v>4.8326000526435708E-2</v>
      </c>
      <c r="X40" s="104">
        <v>103</v>
      </c>
      <c r="Y40" s="105">
        <v>4.8</v>
      </c>
      <c r="Z40" s="106">
        <v>0.25480000000000003</v>
      </c>
      <c r="AA40" s="107">
        <v>0.11</v>
      </c>
      <c r="AB40" s="97">
        <v>6.3851288255480643E-2</v>
      </c>
      <c r="AC40" s="107">
        <v>0.26300000000000001</v>
      </c>
      <c r="AD40" s="97">
        <v>8.6023699215338228E-2</v>
      </c>
      <c r="AE40" s="107">
        <v>0.58399999999999996</v>
      </c>
      <c r="AF40" s="97">
        <v>9.5401109072493356E-2</v>
      </c>
      <c r="AG40" s="96">
        <v>4.2000000000000003E-2</v>
      </c>
      <c r="AH40" s="97">
        <v>4.5601337952740011E-2</v>
      </c>
      <c r="AI40" s="104">
        <v>103</v>
      </c>
      <c r="AJ40" s="105">
        <v>4.9000000000000004</v>
      </c>
      <c r="AK40" s="106">
        <v>0.27440000000000003</v>
      </c>
      <c r="AL40" s="107">
        <v>0.10199999999999999</v>
      </c>
      <c r="AM40" s="97">
        <v>6.2117741628170145E-2</v>
      </c>
      <c r="AN40" s="107">
        <v>0.23</v>
      </c>
      <c r="AO40" s="97">
        <v>8.2586367003402592E-2</v>
      </c>
      <c r="AP40" s="107">
        <v>0.498</v>
      </c>
      <c r="AQ40" s="97">
        <v>9.667293225539686E-2</v>
      </c>
      <c r="AR40" s="96">
        <v>0.17</v>
      </c>
      <c r="AS40" s="97">
        <v>7.4655562508670836E-2</v>
      </c>
    </row>
    <row r="41" spans="1:45">
      <c r="A41" s="45" t="s">
        <v>434</v>
      </c>
      <c r="B41" s="100">
        <v>2284</v>
      </c>
      <c r="C41" s="101">
        <v>4.5999999999999996</v>
      </c>
      <c r="D41" s="102">
        <v>5.8799999999999998E-2</v>
      </c>
      <c r="E41" s="103">
        <v>0.192</v>
      </c>
      <c r="F41" s="94">
        <v>1.6486241475364476E-2</v>
      </c>
      <c r="G41" s="103">
        <v>0.253</v>
      </c>
      <c r="H41" s="94">
        <v>1.8187260762604854E-2</v>
      </c>
      <c r="I41" s="103">
        <v>0.53200000000000003</v>
      </c>
      <c r="J41" s="94">
        <v>2.0863340606814367E-2</v>
      </c>
      <c r="K41" s="93">
        <v>2.3E-2</v>
      </c>
      <c r="L41" s="94">
        <v>6.3776626864936918E-3</v>
      </c>
      <c r="M41" s="100">
        <v>2281</v>
      </c>
      <c r="N41" s="101">
        <v>4.7</v>
      </c>
      <c r="O41" s="102">
        <v>5.8799999999999998E-2</v>
      </c>
      <c r="P41" s="103">
        <v>0.16400000000000001</v>
      </c>
      <c r="Q41" s="94">
        <v>1.5514455096820567E-2</v>
      </c>
      <c r="R41" s="103">
        <v>0.25</v>
      </c>
      <c r="S41" s="94">
        <v>1.8127611197033801E-2</v>
      </c>
      <c r="T41" s="103">
        <v>0.56899999999999995</v>
      </c>
      <c r="U41" s="94">
        <v>2.0720317584957949E-2</v>
      </c>
      <c r="V41" s="93">
        <v>1.6E-2</v>
      </c>
      <c r="W41" s="94">
        <v>5.3847071628606684E-3</v>
      </c>
      <c r="X41" s="100">
        <v>2283</v>
      </c>
      <c r="Y41" s="101">
        <v>4.4000000000000004</v>
      </c>
      <c r="Z41" s="102">
        <v>5.8799999999999998E-2</v>
      </c>
      <c r="AA41" s="103">
        <v>0.14599999999999999</v>
      </c>
      <c r="AB41" s="94">
        <v>1.4793253882317305E-2</v>
      </c>
      <c r="AC41" s="103">
        <v>0.245</v>
      </c>
      <c r="AD41" s="94">
        <v>1.7997826261341023E-2</v>
      </c>
      <c r="AE41" s="103">
        <v>0.59199999999999997</v>
      </c>
      <c r="AF41" s="94">
        <v>2.0554856119846043E-2</v>
      </c>
      <c r="AG41" s="93">
        <v>1.7000000000000001E-2</v>
      </c>
      <c r="AH41" s="94">
        <v>5.5365919259762727E-3</v>
      </c>
      <c r="AI41" s="100">
        <v>2278</v>
      </c>
      <c r="AJ41" s="101">
        <v>4.8</v>
      </c>
      <c r="AK41" s="102">
        <v>5.8799999999999998E-2</v>
      </c>
      <c r="AL41" s="103">
        <v>0.22600000000000001</v>
      </c>
      <c r="AM41" s="94">
        <v>1.7523589360769951E-2</v>
      </c>
      <c r="AN41" s="103">
        <v>0.249</v>
      </c>
      <c r="AO41" s="94">
        <v>1.8115399331990877E-2</v>
      </c>
      <c r="AP41" s="103">
        <v>0.46100000000000002</v>
      </c>
      <c r="AQ41" s="94">
        <v>2.0869962878616442E-2</v>
      </c>
      <c r="AR41" s="93">
        <v>6.4000000000000001E-2</v>
      </c>
      <c r="AS41" s="94">
        <v>1.0303869993175807E-2</v>
      </c>
    </row>
    <row r="42" spans="1:45">
      <c r="A42" s="49" t="s">
        <v>435</v>
      </c>
      <c r="B42" s="104">
        <v>2193</v>
      </c>
      <c r="C42" s="105">
        <v>4.62</v>
      </c>
      <c r="D42" s="106">
        <v>5.8799999999999998E-2</v>
      </c>
      <c r="E42" s="107">
        <v>0.187</v>
      </c>
      <c r="F42" s="97">
        <v>1.6656721132583891E-2</v>
      </c>
      <c r="G42" s="107">
        <v>0.254</v>
      </c>
      <c r="H42" s="97">
        <v>1.8584607452842537E-2</v>
      </c>
      <c r="I42" s="107">
        <v>0.53400000000000003</v>
      </c>
      <c r="J42" s="97">
        <v>2.1285419993837297E-2</v>
      </c>
      <c r="K42" s="96">
        <v>2.5999999999999999E-2</v>
      </c>
      <c r="L42" s="97">
        <v>6.8988893043332947E-3</v>
      </c>
      <c r="M42" s="104">
        <v>2203</v>
      </c>
      <c r="N42" s="105">
        <v>4.6900000000000004</v>
      </c>
      <c r="O42" s="106">
        <v>5.8799999999999998E-2</v>
      </c>
      <c r="P42" s="107">
        <v>0.16700000000000001</v>
      </c>
      <c r="Q42" s="97">
        <v>1.5901406100030498E-2</v>
      </c>
      <c r="R42" s="107">
        <v>0.251</v>
      </c>
      <c r="S42" s="97">
        <v>1.8469953283951554E-2</v>
      </c>
      <c r="T42" s="107">
        <v>0.56299999999999994</v>
      </c>
      <c r="U42" s="97">
        <v>2.1117204761795686E-2</v>
      </c>
      <c r="V42" s="96">
        <v>1.7999999999999999E-2</v>
      </c>
      <c r="W42" s="97">
        <v>5.7931997501730068E-3</v>
      </c>
      <c r="X42" s="104">
        <v>2210</v>
      </c>
      <c r="Y42" s="105">
        <v>4.4000000000000004</v>
      </c>
      <c r="Z42" s="106">
        <v>5.8799999999999998E-2</v>
      </c>
      <c r="AA42" s="107">
        <v>0.22500000000000001</v>
      </c>
      <c r="AB42" s="97">
        <v>1.7763273938819872E-2</v>
      </c>
      <c r="AC42" s="107">
        <v>0.24299999999999999</v>
      </c>
      <c r="AD42" s="97">
        <v>1.8242046383998727E-2</v>
      </c>
      <c r="AE42" s="107">
        <v>0.47299999999999998</v>
      </c>
      <c r="AF42" s="97">
        <v>2.1221660278608702E-2</v>
      </c>
      <c r="AG42" s="96">
        <v>5.8999999999999997E-2</v>
      </c>
      <c r="AH42" s="97">
        <v>1.007838268129512E-2</v>
      </c>
      <c r="AI42" s="104">
        <v>2197</v>
      </c>
      <c r="AJ42" s="105">
        <v>4.82</v>
      </c>
      <c r="AK42" s="106">
        <v>5.8799999999999998E-2</v>
      </c>
      <c r="AL42" s="107">
        <v>0.14399999999999999</v>
      </c>
      <c r="AM42" s="97">
        <v>1.4995030539204127E-2</v>
      </c>
      <c r="AN42" s="107">
        <v>0.248</v>
      </c>
      <c r="AO42" s="97">
        <v>1.8421418946921401E-2</v>
      </c>
      <c r="AP42" s="107">
        <v>0.59299999999999997</v>
      </c>
      <c r="AQ42" s="97">
        <v>2.0944634315143984E-2</v>
      </c>
      <c r="AR42" s="96">
        <v>1.4999999999999999E-2</v>
      </c>
      <c r="AS42" s="97">
        <v>5.3295227760480129E-3</v>
      </c>
    </row>
    <row r="43" spans="1:45">
      <c r="A43" s="45" t="s">
        <v>452</v>
      </c>
      <c r="B43" s="100">
        <v>46</v>
      </c>
      <c r="C43" s="101">
        <v>4.0999999999999996</v>
      </c>
      <c r="D43" s="102">
        <v>0.47039999999999998</v>
      </c>
      <c r="E43" s="103">
        <v>0.36799999999999999</v>
      </c>
      <c r="F43" s="94">
        <v>0.13718668343538304</v>
      </c>
      <c r="G43" s="103">
        <v>0.28000000000000003</v>
      </c>
      <c r="H43" s="94">
        <v>0.12931643051058903</v>
      </c>
      <c r="I43" s="103">
        <v>0.35199999999999998</v>
      </c>
      <c r="J43" s="94">
        <v>0.13607658267314035</v>
      </c>
      <c r="K43" s="93">
        <v>0</v>
      </c>
      <c r="L43" s="94">
        <v>5.542562584220407E-2</v>
      </c>
      <c r="M43" s="100">
        <v>46</v>
      </c>
      <c r="N43" s="101">
        <v>4.5</v>
      </c>
      <c r="O43" s="102">
        <v>0.49</v>
      </c>
      <c r="P43" s="103">
        <v>0.214</v>
      </c>
      <c r="Q43" s="94">
        <v>0.12025568280958701</v>
      </c>
      <c r="R43" s="103">
        <v>0.187</v>
      </c>
      <c r="S43" s="94">
        <v>0.11561281534501268</v>
      </c>
      <c r="T43" s="103">
        <v>0.59899999999999998</v>
      </c>
      <c r="U43" s="94">
        <v>0.13905522172144419</v>
      </c>
      <c r="V43" s="93">
        <v>0</v>
      </c>
      <c r="W43" s="94">
        <v>5.542562584220407E-2</v>
      </c>
      <c r="X43" s="100">
        <v>46</v>
      </c>
      <c r="Y43" s="101">
        <v>4.2</v>
      </c>
      <c r="Z43" s="102">
        <v>0.49</v>
      </c>
      <c r="AA43" s="103">
        <v>0.26100000000000001</v>
      </c>
      <c r="AB43" s="94">
        <v>0.12701268774417773</v>
      </c>
      <c r="AC43" s="103">
        <v>0.182</v>
      </c>
      <c r="AD43" s="94">
        <v>0.11468518523331599</v>
      </c>
      <c r="AE43" s="103">
        <v>0.436</v>
      </c>
      <c r="AF43" s="94">
        <v>0.14043735844852681</v>
      </c>
      <c r="AG43" s="93">
        <v>0.122</v>
      </c>
      <c r="AH43" s="94">
        <v>0.10161219706314788</v>
      </c>
      <c r="AI43" s="100">
        <v>46</v>
      </c>
      <c r="AJ43" s="101">
        <v>4.4000000000000004</v>
      </c>
      <c r="AK43" s="102">
        <v>0.49</v>
      </c>
      <c r="AL43" s="103">
        <v>0.23799999999999999</v>
      </c>
      <c r="AM43" s="94">
        <v>0.12390309710414829</v>
      </c>
      <c r="AN43" s="103">
        <v>0.24099999999999999</v>
      </c>
      <c r="AO43" s="94">
        <v>0.12432944674533061</v>
      </c>
      <c r="AP43" s="103">
        <v>0.33200000000000002</v>
      </c>
      <c r="AQ43" s="94">
        <v>0.1344949683519796</v>
      </c>
      <c r="AR43" s="93">
        <v>0.19</v>
      </c>
      <c r="AS43" s="94">
        <v>0.11615884296944422</v>
      </c>
    </row>
    <row r="44" spans="1:45">
      <c r="A44" s="49" t="s">
        <v>172</v>
      </c>
      <c r="B44" s="104">
        <v>211</v>
      </c>
      <c r="C44" s="105">
        <v>4.9000000000000004</v>
      </c>
      <c r="D44" s="106">
        <v>0.19600000000000001</v>
      </c>
      <c r="E44" s="107">
        <v>0.111</v>
      </c>
      <c r="F44" s="97">
        <v>4.4041665608349205E-2</v>
      </c>
      <c r="G44" s="107">
        <v>0.23400000000000001</v>
      </c>
      <c r="H44" s="97">
        <v>5.8166127824973504E-2</v>
      </c>
      <c r="I44" s="107">
        <v>0.63600000000000001</v>
      </c>
      <c r="J44" s="97">
        <v>6.5724700136110828E-2</v>
      </c>
      <c r="K44" s="96">
        <v>1.9E-2</v>
      </c>
      <c r="L44" s="97">
        <v>2.2482116803403212E-2</v>
      </c>
      <c r="M44" s="104">
        <v>211</v>
      </c>
      <c r="N44" s="105">
        <v>5</v>
      </c>
      <c r="O44" s="106">
        <v>0.1764</v>
      </c>
      <c r="P44" s="107">
        <v>0.112</v>
      </c>
      <c r="Q44" s="97">
        <v>4.4199448372058671E-2</v>
      </c>
      <c r="R44" s="107">
        <v>0.25</v>
      </c>
      <c r="S44" s="97">
        <v>5.9424205870584772E-2</v>
      </c>
      <c r="T44" s="107">
        <v>0.63100000000000001</v>
      </c>
      <c r="U44" s="97">
        <v>6.5906432455664299E-2</v>
      </c>
      <c r="V44" s="96">
        <v>7.0000000000000001E-3</v>
      </c>
      <c r="W44" s="97">
        <v>1.7204951386022693E-2</v>
      </c>
      <c r="X44" s="104">
        <v>211</v>
      </c>
      <c r="Y44" s="105">
        <v>4.5999999999999996</v>
      </c>
      <c r="Z44" s="106">
        <v>0.1764</v>
      </c>
      <c r="AA44" s="107">
        <v>0.111</v>
      </c>
      <c r="AB44" s="97">
        <v>4.4041665608349205E-2</v>
      </c>
      <c r="AC44" s="107">
        <v>0.14599999999999999</v>
      </c>
      <c r="AD44" s="97">
        <v>4.9047398986880215E-2</v>
      </c>
      <c r="AE44" s="107">
        <v>0.73599999999999999</v>
      </c>
      <c r="AF44" s="97">
        <v>6.0441342862316838E-2</v>
      </c>
      <c r="AG44" s="96">
        <v>6.0000000000000001E-3</v>
      </c>
      <c r="AH44" s="97">
        <v>1.6683059436436835E-2</v>
      </c>
      <c r="AI44" s="104">
        <v>210</v>
      </c>
      <c r="AJ44" s="105">
        <v>5.0999999999999996</v>
      </c>
      <c r="AK44" s="106">
        <v>0.1764</v>
      </c>
      <c r="AL44" s="107">
        <v>0.16500000000000001</v>
      </c>
      <c r="AM44" s="97">
        <v>5.1506486015358392E-2</v>
      </c>
      <c r="AN44" s="107">
        <v>0.218</v>
      </c>
      <c r="AO44" s="97">
        <v>5.6934308116306204E-2</v>
      </c>
      <c r="AP44" s="107">
        <v>0.56499999999999995</v>
      </c>
      <c r="AQ44" s="97">
        <v>6.7800072755699783E-2</v>
      </c>
      <c r="AR44" s="96">
        <v>5.0999999999999997E-2</v>
      </c>
      <c r="AS44" s="97">
        <v>3.231418528615769E-2</v>
      </c>
    </row>
    <row r="45" spans="1:45" ht="25.5">
      <c r="A45" s="45" t="s">
        <v>436</v>
      </c>
      <c r="B45" s="100">
        <v>84</v>
      </c>
      <c r="C45" s="101">
        <v>4.5999999999999996</v>
      </c>
      <c r="D45" s="102">
        <v>0.29399999999999998</v>
      </c>
      <c r="E45" s="103">
        <v>0.14799999999999999</v>
      </c>
      <c r="F45" s="94">
        <v>7.8943017423962203E-2</v>
      </c>
      <c r="G45" s="103">
        <v>0.314</v>
      </c>
      <c r="H45" s="94">
        <v>9.9653401978659809E-2</v>
      </c>
      <c r="I45" s="103">
        <v>0.50700000000000001</v>
      </c>
      <c r="J45" s="94">
        <v>0.10659083904559893</v>
      </c>
      <c r="K45" s="93">
        <v>3.2000000000000001E-2</v>
      </c>
      <c r="L45" s="94">
        <v>4.7879936869429832E-2</v>
      </c>
      <c r="M45" s="100">
        <v>84</v>
      </c>
      <c r="N45" s="101">
        <v>4.7</v>
      </c>
      <c r="O45" s="102">
        <v>0.27440000000000003</v>
      </c>
      <c r="P45" s="103">
        <v>0.16600000000000001</v>
      </c>
      <c r="Q45" s="94">
        <v>8.2118253685033324E-2</v>
      </c>
      <c r="R45" s="103">
        <v>0.309</v>
      </c>
      <c r="S45" s="94">
        <v>9.9260923506619289E-2</v>
      </c>
      <c r="T45" s="103">
        <v>0.52500000000000002</v>
      </c>
      <c r="U45" s="94">
        <v>0.10647887687652678</v>
      </c>
      <c r="V45" s="93">
        <v>0</v>
      </c>
      <c r="W45" s="94">
        <v>3.177387706452417E-2</v>
      </c>
      <c r="X45" s="100">
        <v>84</v>
      </c>
      <c r="Y45" s="101">
        <v>4.4000000000000004</v>
      </c>
      <c r="Z45" s="102">
        <v>0.29399999999999998</v>
      </c>
      <c r="AA45" s="103">
        <v>0.16300000000000001</v>
      </c>
      <c r="AB45" s="94">
        <v>8.1609048030907058E-2</v>
      </c>
      <c r="AC45" s="103">
        <v>0.124</v>
      </c>
      <c r="AD45" s="94">
        <v>7.4218432059700981E-2</v>
      </c>
      <c r="AE45" s="103">
        <v>0.69499999999999995</v>
      </c>
      <c r="AF45" s="94">
        <v>9.893828520212887E-2</v>
      </c>
      <c r="AG45" s="93">
        <v>1.7000000000000001E-2</v>
      </c>
      <c r="AH45" s="94">
        <v>4.1251495203190797E-2</v>
      </c>
      <c r="AI45" s="100">
        <v>84</v>
      </c>
      <c r="AJ45" s="101">
        <v>5.0999999999999996</v>
      </c>
      <c r="AK45" s="102">
        <v>0.31359999999999999</v>
      </c>
      <c r="AL45" s="103">
        <v>0.19700000000000001</v>
      </c>
      <c r="AM45" s="94">
        <v>8.6955470503518956E-2</v>
      </c>
      <c r="AN45" s="103">
        <v>0.317</v>
      </c>
      <c r="AO45" s="94">
        <v>9.9883173211301357E-2</v>
      </c>
      <c r="AP45" s="103">
        <v>0.433</v>
      </c>
      <c r="AQ45" s="94">
        <v>0.10572473180079536</v>
      </c>
      <c r="AR45" s="93">
        <v>5.2999999999999999E-2</v>
      </c>
      <c r="AS45" s="94">
        <v>5.5572485847951873E-2</v>
      </c>
    </row>
    <row r="46" spans="1:45" ht="25.5">
      <c r="A46" s="49" t="s">
        <v>437</v>
      </c>
      <c r="B46" s="104">
        <v>103</v>
      </c>
      <c r="C46" s="105">
        <v>5.0999999999999996</v>
      </c>
      <c r="D46" s="106">
        <v>0.27440000000000003</v>
      </c>
      <c r="E46" s="107">
        <v>9.7000000000000003E-2</v>
      </c>
      <c r="F46" s="97">
        <v>6.0990810423256575E-2</v>
      </c>
      <c r="G46" s="107">
        <v>0.17100000000000001</v>
      </c>
      <c r="H46" s="97">
        <v>7.4808295316053167E-2</v>
      </c>
      <c r="I46" s="107">
        <v>0.73199999999999998</v>
      </c>
      <c r="J46" s="97">
        <v>8.6494558232649829E-2</v>
      </c>
      <c r="K46" s="96">
        <v>0</v>
      </c>
      <c r="L46" s="97">
        <v>2.6185687246820841E-2</v>
      </c>
      <c r="M46" s="104">
        <v>103</v>
      </c>
      <c r="N46" s="105">
        <v>5.2</v>
      </c>
      <c r="O46" s="106">
        <v>0.25480000000000003</v>
      </c>
      <c r="P46" s="107">
        <v>9.9000000000000005E-2</v>
      </c>
      <c r="Q46" s="97">
        <v>6.1445754500577481E-2</v>
      </c>
      <c r="R46" s="107">
        <v>0.185</v>
      </c>
      <c r="S46" s="97">
        <v>7.6867412113942948E-2</v>
      </c>
      <c r="T46" s="107">
        <v>0.71599999999999997</v>
      </c>
      <c r="U46" s="97">
        <v>8.7918206935728979E-2</v>
      </c>
      <c r="V46" s="96">
        <v>0</v>
      </c>
      <c r="W46" s="97">
        <v>2.6185687246820841E-2</v>
      </c>
      <c r="X46" s="104">
        <v>103</v>
      </c>
      <c r="Y46" s="105">
        <v>4.9000000000000004</v>
      </c>
      <c r="Z46" s="106">
        <v>0.23519999999999999</v>
      </c>
      <c r="AA46" s="107">
        <v>6.6000000000000003E-2</v>
      </c>
      <c r="AB46" s="97">
        <v>5.3113689985479981E-2</v>
      </c>
      <c r="AC46" s="107">
        <v>9.4E-2</v>
      </c>
      <c r="AD46" s="97">
        <v>6.0297650574011971E-2</v>
      </c>
      <c r="AE46" s="107">
        <v>0.84</v>
      </c>
      <c r="AF46" s="97">
        <v>7.3084623701371004E-2</v>
      </c>
      <c r="AG46" s="96">
        <v>0</v>
      </c>
      <c r="AH46" s="97">
        <v>2.6185687246820841E-2</v>
      </c>
      <c r="AI46" s="104">
        <v>102</v>
      </c>
      <c r="AJ46" s="105">
        <v>5.4</v>
      </c>
      <c r="AK46" s="106">
        <v>0.21559999999999999</v>
      </c>
      <c r="AL46" s="107">
        <v>0.16400000000000001</v>
      </c>
      <c r="AM46" s="97">
        <v>7.4089107382945135E-2</v>
      </c>
      <c r="AN46" s="107">
        <v>0.14499999999999999</v>
      </c>
      <c r="AO46" s="97">
        <v>7.0925648518939677E-2</v>
      </c>
      <c r="AP46" s="107">
        <v>0.65200000000000002</v>
      </c>
      <c r="AQ46" s="97">
        <v>9.2879877413016024E-2</v>
      </c>
      <c r="AR46" s="96">
        <v>3.7999999999999999E-2</v>
      </c>
      <c r="AS46" s="97">
        <v>4.4450964330158715E-2</v>
      </c>
    </row>
    <row r="47" spans="1:45">
      <c r="A47" s="45" t="s">
        <v>453</v>
      </c>
      <c r="B47" s="100">
        <v>472</v>
      </c>
      <c r="C47" s="101">
        <v>4.8</v>
      </c>
      <c r="D47" s="102">
        <v>0.13720000000000002</v>
      </c>
      <c r="E47" s="103">
        <v>0.158</v>
      </c>
      <c r="F47" s="94">
        <v>3.3680845356366514E-2</v>
      </c>
      <c r="G47" s="103">
        <v>0.26800000000000002</v>
      </c>
      <c r="H47" s="94">
        <v>4.0695301917487069E-2</v>
      </c>
      <c r="I47" s="103">
        <v>0.56699999999999995</v>
      </c>
      <c r="J47" s="94">
        <v>4.5428504025442157E-2</v>
      </c>
      <c r="K47" s="93">
        <v>7.0000000000000001E-3</v>
      </c>
      <c r="L47" s="94">
        <v>9.6225810569673942E-3</v>
      </c>
      <c r="M47" s="100">
        <v>472</v>
      </c>
      <c r="N47" s="101">
        <v>4.8</v>
      </c>
      <c r="O47" s="102">
        <v>0.13720000000000002</v>
      </c>
      <c r="P47" s="103">
        <v>0.152</v>
      </c>
      <c r="Q47" s="94">
        <v>3.31691373973102E-2</v>
      </c>
      <c r="R47" s="103">
        <v>0.245</v>
      </c>
      <c r="S47" s="94">
        <v>3.9541836721527661E-2</v>
      </c>
      <c r="T47" s="103">
        <v>0.59099999999999997</v>
      </c>
      <c r="U47" s="94">
        <v>4.5082332869284716E-2</v>
      </c>
      <c r="V47" s="93">
        <v>1.2999999999999999E-2</v>
      </c>
      <c r="W47" s="94">
        <v>1.1881871500811134E-2</v>
      </c>
      <c r="X47" s="100">
        <v>472</v>
      </c>
      <c r="Y47" s="101">
        <v>4.5999999999999996</v>
      </c>
      <c r="Z47" s="102">
        <v>0.13720000000000002</v>
      </c>
      <c r="AA47" s="103">
        <v>9.6000000000000002E-2</v>
      </c>
      <c r="AB47" s="94">
        <v>2.7426846982184058E-2</v>
      </c>
      <c r="AC47" s="103">
        <v>0.29799999999999999</v>
      </c>
      <c r="AD47" s="94">
        <v>4.1996288359173774E-2</v>
      </c>
      <c r="AE47" s="103">
        <v>0.60099999999999998</v>
      </c>
      <c r="AF47" s="94">
        <v>4.490603869289251E-2</v>
      </c>
      <c r="AG47" s="93">
        <v>5.0000000000000001E-3</v>
      </c>
      <c r="AH47" s="94">
        <v>8.7330938348256122E-3</v>
      </c>
      <c r="AI47" s="100">
        <v>472</v>
      </c>
      <c r="AJ47" s="101">
        <v>4.9000000000000004</v>
      </c>
      <c r="AK47" s="102">
        <v>0.1176</v>
      </c>
      <c r="AL47" s="103">
        <v>0.20300000000000001</v>
      </c>
      <c r="AM47" s="94">
        <v>3.7040436136472302E-2</v>
      </c>
      <c r="AN47" s="103">
        <v>0.22500000000000001</v>
      </c>
      <c r="AO47" s="94">
        <v>3.8418381020915292E-2</v>
      </c>
      <c r="AP47" s="103">
        <v>0.52700000000000002</v>
      </c>
      <c r="AQ47" s="94">
        <v>4.5769168792373194E-2</v>
      </c>
      <c r="AR47" s="93">
        <v>4.4999999999999998E-2</v>
      </c>
      <c r="AS47" s="94">
        <v>1.9754755280636669E-2</v>
      </c>
    </row>
    <row r="48" spans="1:45" ht="25.5">
      <c r="A48" s="49" t="s">
        <v>438</v>
      </c>
      <c r="B48" s="104">
        <v>67</v>
      </c>
      <c r="C48" s="105">
        <v>4.0999999999999996</v>
      </c>
      <c r="D48" s="106">
        <v>0.3528</v>
      </c>
      <c r="E48" s="107">
        <v>0.27900000000000003</v>
      </c>
      <c r="F48" s="97">
        <v>0.10786198568878043</v>
      </c>
      <c r="G48" s="107">
        <v>0.27500000000000002</v>
      </c>
      <c r="H48" s="97">
        <v>0.1074462965622736</v>
      </c>
      <c r="I48" s="107">
        <v>0.44600000000000001</v>
      </c>
      <c r="J48" s="97">
        <v>0.11806021573488983</v>
      </c>
      <c r="K48" s="96">
        <v>0</v>
      </c>
      <c r="L48" s="97">
        <v>3.9271909274046654E-2</v>
      </c>
      <c r="M48" s="104">
        <v>67</v>
      </c>
      <c r="N48" s="105">
        <v>4.8</v>
      </c>
      <c r="O48" s="106">
        <v>0.3528</v>
      </c>
      <c r="P48" s="107">
        <v>0.107</v>
      </c>
      <c r="Q48" s="97">
        <v>7.9598813497038498E-2</v>
      </c>
      <c r="R48" s="107">
        <v>0.28999999999999998</v>
      </c>
      <c r="S48" s="97">
        <v>0.10895897712513782</v>
      </c>
      <c r="T48" s="107">
        <v>0.60199999999999998</v>
      </c>
      <c r="U48" s="97">
        <v>0.11645836097336605</v>
      </c>
      <c r="V48" s="96">
        <v>0</v>
      </c>
      <c r="W48" s="97">
        <v>3.9271909274046654E-2</v>
      </c>
      <c r="X48" s="104">
        <v>67</v>
      </c>
      <c r="Y48" s="105">
        <v>4.0999999999999996</v>
      </c>
      <c r="Z48" s="106">
        <v>0.37240000000000001</v>
      </c>
      <c r="AA48" s="107">
        <v>0.18</v>
      </c>
      <c r="AB48" s="97">
        <v>9.4589703543224712E-2</v>
      </c>
      <c r="AC48" s="107">
        <v>0.27700000000000002</v>
      </c>
      <c r="AD48" s="97">
        <v>0.10765527379754466</v>
      </c>
      <c r="AE48" s="107">
        <v>0.54300000000000004</v>
      </c>
      <c r="AF48" s="97">
        <v>0.11828670572886454</v>
      </c>
      <c r="AG48" s="96">
        <v>0</v>
      </c>
      <c r="AH48" s="97">
        <v>3.9271909274046654E-2</v>
      </c>
      <c r="AI48" s="104">
        <v>67</v>
      </c>
      <c r="AJ48" s="105">
        <v>4.5</v>
      </c>
      <c r="AK48" s="106">
        <v>0.3528</v>
      </c>
      <c r="AL48" s="107">
        <v>0.33</v>
      </c>
      <c r="AM48" s="97">
        <v>0.11240385192046205</v>
      </c>
      <c r="AN48" s="107">
        <v>0.222</v>
      </c>
      <c r="AO48" s="97">
        <v>0.10103095578504183</v>
      </c>
      <c r="AP48" s="107">
        <v>0.44800000000000001</v>
      </c>
      <c r="AQ48" s="97">
        <v>0.11810525113421905</v>
      </c>
      <c r="AR48" s="96">
        <v>0</v>
      </c>
      <c r="AS48" s="97">
        <v>3.9271909274046654E-2</v>
      </c>
    </row>
    <row r="49" spans="1:45" ht="25.5">
      <c r="A49" s="45" t="s">
        <v>439</v>
      </c>
      <c r="B49" s="83">
        <v>71</v>
      </c>
      <c r="C49" s="84">
        <v>5.4</v>
      </c>
      <c r="D49" s="85">
        <v>0.3528</v>
      </c>
      <c r="E49" s="98">
        <v>0.109</v>
      </c>
      <c r="F49" s="94">
        <v>7.7628670014990575E-2</v>
      </c>
      <c r="G49" s="98">
        <v>0.11799999999999999</v>
      </c>
      <c r="H49" s="94">
        <v>7.9741634112695248E-2</v>
      </c>
      <c r="I49" s="98">
        <v>0.77400000000000002</v>
      </c>
      <c r="J49" s="94">
        <v>9.8716714466006036E-2</v>
      </c>
      <c r="K49" s="98">
        <v>0</v>
      </c>
      <c r="L49" s="94">
        <v>3.7206132509255738E-2</v>
      </c>
      <c r="M49" s="83">
        <v>71</v>
      </c>
      <c r="N49" s="84">
        <v>5.6</v>
      </c>
      <c r="O49" s="85">
        <v>0.3528</v>
      </c>
      <c r="P49" s="98">
        <v>7.2999999999999995E-2</v>
      </c>
      <c r="Q49" s="94">
        <v>6.7961087672502932E-2</v>
      </c>
      <c r="R49" s="98">
        <v>0.123</v>
      </c>
      <c r="S49" s="94">
        <v>8.0870974973628121E-2</v>
      </c>
      <c r="T49" s="98">
        <v>0.80300000000000005</v>
      </c>
      <c r="U49" s="94">
        <v>9.457915609689059E-2</v>
      </c>
      <c r="V49" s="98">
        <v>0</v>
      </c>
      <c r="W49" s="94">
        <v>3.7206132509255738E-2</v>
      </c>
      <c r="X49" s="83">
        <v>71</v>
      </c>
      <c r="Y49" s="84">
        <v>4.5999999999999996</v>
      </c>
      <c r="Z49" s="85">
        <v>0.39200000000000002</v>
      </c>
      <c r="AA49" s="98">
        <v>7.5999999999999998E-2</v>
      </c>
      <c r="AB49" s="94">
        <v>6.8852981081808304E-2</v>
      </c>
      <c r="AC49" s="98">
        <v>0.186</v>
      </c>
      <c r="AD49" s="94">
        <v>9.2848394226925202E-2</v>
      </c>
      <c r="AE49" s="98">
        <v>0.73799999999999999</v>
      </c>
      <c r="AF49" s="94">
        <v>0.10308233756386023</v>
      </c>
      <c r="AG49" s="98">
        <v>0</v>
      </c>
      <c r="AH49" s="94">
        <v>3.7206132509255738E-2</v>
      </c>
      <c r="AI49" s="83">
        <v>70</v>
      </c>
      <c r="AJ49" s="84">
        <v>5.2</v>
      </c>
      <c r="AK49" s="85">
        <v>0.27440000000000003</v>
      </c>
      <c r="AL49" s="98">
        <v>0.182</v>
      </c>
      <c r="AM49" s="94">
        <v>9.2856429749966218E-2</v>
      </c>
      <c r="AN49" s="98">
        <v>0.248</v>
      </c>
      <c r="AO49" s="94">
        <v>0.10218577378155359</v>
      </c>
      <c r="AP49" s="98">
        <v>0.56899999999999995</v>
      </c>
      <c r="AQ49" s="94">
        <v>0.11525290447623386</v>
      </c>
      <c r="AR49" s="98">
        <v>0</v>
      </c>
      <c r="AS49" s="94">
        <v>3.7701936889887336E-2</v>
      </c>
    </row>
    <row r="50" spans="1:45">
      <c r="A50" s="49" t="s">
        <v>440</v>
      </c>
      <c r="B50" s="104">
        <v>73</v>
      </c>
      <c r="C50" s="105">
        <v>4.7</v>
      </c>
      <c r="D50" s="106">
        <v>0.31359999999999999</v>
      </c>
      <c r="E50" s="107">
        <v>0.113</v>
      </c>
      <c r="F50" s="97">
        <v>7.7421849644543517E-2</v>
      </c>
      <c r="G50" s="107">
        <v>0.32</v>
      </c>
      <c r="H50" s="97">
        <v>0.10711780118664964</v>
      </c>
      <c r="I50" s="107">
        <v>0.56699999999999995</v>
      </c>
      <c r="J50" s="97">
        <v>0.11303723684698699</v>
      </c>
      <c r="K50" s="96">
        <v>0</v>
      </c>
      <c r="L50" s="97">
        <v>3.6252631573966396E-2</v>
      </c>
      <c r="M50" s="104">
        <v>74</v>
      </c>
      <c r="N50" s="105">
        <v>4.9000000000000004</v>
      </c>
      <c r="O50" s="106">
        <v>0.3528</v>
      </c>
      <c r="P50" s="107">
        <v>0.09</v>
      </c>
      <c r="Q50" s="97">
        <v>7.1144110901200985E-2</v>
      </c>
      <c r="R50" s="107">
        <v>0.252</v>
      </c>
      <c r="S50" s="97">
        <v>9.9908254412328062E-2</v>
      </c>
      <c r="T50" s="107">
        <v>0.65800000000000003</v>
      </c>
      <c r="U50" s="97">
        <v>0.1080196465300675</v>
      </c>
      <c r="V50" s="96">
        <v>0</v>
      </c>
      <c r="W50" s="97">
        <v>3.5793971305236552E-2</v>
      </c>
      <c r="X50" s="104">
        <v>74</v>
      </c>
      <c r="Y50" s="105">
        <v>4.5</v>
      </c>
      <c r="Z50" s="106">
        <v>0.37240000000000001</v>
      </c>
      <c r="AA50" s="107">
        <v>0.1</v>
      </c>
      <c r="AB50" s="97">
        <v>7.3724880330433076E-2</v>
      </c>
      <c r="AC50" s="107">
        <v>0.311</v>
      </c>
      <c r="AD50" s="97">
        <v>0.1056964088561754</v>
      </c>
      <c r="AE50" s="107">
        <v>0.58899999999999997</v>
      </c>
      <c r="AF50" s="97">
        <v>0.11160153000150422</v>
      </c>
      <c r="AG50" s="96">
        <v>0</v>
      </c>
      <c r="AH50" s="97">
        <v>3.5793971305236552E-2</v>
      </c>
      <c r="AI50" s="104">
        <v>74</v>
      </c>
      <c r="AJ50" s="105">
        <v>4.9000000000000004</v>
      </c>
      <c r="AK50" s="106">
        <v>0.3332</v>
      </c>
      <c r="AL50" s="107">
        <v>0.23400000000000001</v>
      </c>
      <c r="AM50" s="97">
        <v>9.7747699313337252E-2</v>
      </c>
      <c r="AN50" s="107">
        <v>0.18</v>
      </c>
      <c r="AO50" s="97">
        <v>8.9966736755403606E-2</v>
      </c>
      <c r="AP50" s="107">
        <v>0.57799999999999996</v>
      </c>
      <c r="AQ50" s="97">
        <v>0.11198076757949246</v>
      </c>
      <c r="AR50" s="96">
        <v>8.0000000000000002E-3</v>
      </c>
      <c r="AS50" s="97">
        <v>4.0589556069296873E-2</v>
      </c>
    </row>
    <row r="51" spans="1:45">
      <c r="A51" s="57" t="s">
        <v>441</v>
      </c>
      <c r="B51" s="100">
        <v>58</v>
      </c>
      <c r="C51" s="101">
        <v>5.3</v>
      </c>
      <c r="D51" s="102">
        <v>0.31359999999999999</v>
      </c>
      <c r="E51" s="103">
        <v>0.02</v>
      </c>
      <c r="F51" s="94">
        <v>5.5862753023113762E-2</v>
      </c>
      <c r="G51" s="103">
        <v>0.28399999999999997</v>
      </c>
      <c r="H51" s="94">
        <v>0.1161672685346825</v>
      </c>
      <c r="I51" s="103">
        <v>0.66600000000000004</v>
      </c>
      <c r="J51" s="94">
        <v>0.12071959397118467</v>
      </c>
      <c r="K51" s="93">
        <v>0.03</v>
      </c>
      <c r="L51" s="94">
        <v>6.0473276907785985E-2</v>
      </c>
      <c r="M51" s="100">
        <v>57</v>
      </c>
      <c r="N51" s="101">
        <v>4.5999999999999996</v>
      </c>
      <c r="O51" s="102">
        <v>0.3332</v>
      </c>
      <c r="P51" s="103">
        <v>0.123</v>
      </c>
      <c r="Q51" s="94">
        <v>9.0860991147040701E-2</v>
      </c>
      <c r="R51" s="103">
        <v>0.27300000000000002</v>
      </c>
      <c r="S51" s="94">
        <v>0.11594439908111751</v>
      </c>
      <c r="T51" s="103">
        <v>0.58699999999999997</v>
      </c>
      <c r="U51" s="94">
        <v>0.12633318156288004</v>
      </c>
      <c r="V51" s="93">
        <v>1.7000000000000001E-2</v>
      </c>
      <c r="W51" s="94">
        <v>5.5102381488564681E-2</v>
      </c>
      <c r="X51" s="100">
        <v>57</v>
      </c>
      <c r="Y51" s="101">
        <v>5.6</v>
      </c>
      <c r="Z51" s="102">
        <v>0.3528</v>
      </c>
      <c r="AA51" s="103">
        <v>8.7999999999999995E-2</v>
      </c>
      <c r="AB51" s="94">
        <v>8.1698214231772759E-2</v>
      </c>
      <c r="AC51" s="103">
        <v>0.27600000000000002</v>
      </c>
      <c r="AD51" s="94">
        <v>0.11627798975906976</v>
      </c>
      <c r="AE51" s="103">
        <v>0.63600000000000001</v>
      </c>
      <c r="AF51" s="94">
        <v>0.12383229632741602</v>
      </c>
      <c r="AG51" s="93">
        <v>0</v>
      </c>
      <c r="AH51" s="94">
        <v>4.5601197425875629E-2</v>
      </c>
      <c r="AI51" s="100">
        <v>58</v>
      </c>
      <c r="AJ51" s="101">
        <v>4.9000000000000004</v>
      </c>
      <c r="AK51" s="102">
        <v>0.3332</v>
      </c>
      <c r="AL51" s="103">
        <v>3.5999999999999997E-2</v>
      </c>
      <c r="AM51" s="94">
        <v>6.3035062356606192E-2</v>
      </c>
      <c r="AN51" s="103">
        <v>0.151</v>
      </c>
      <c r="AO51" s="94">
        <v>9.6188082555336257E-2</v>
      </c>
      <c r="AP51" s="103">
        <v>0.76100000000000001</v>
      </c>
      <c r="AQ51" s="94">
        <v>0.11082833698082946</v>
      </c>
      <c r="AR51" s="93">
        <v>5.1999999999999998E-2</v>
      </c>
      <c r="AS51" s="94">
        <v>6.9262424696764413E-2</v>
      </c>
    </row>
    <row r="52" spans="1:45" ht="25.5">
      <c r="A52" s="49" t="s">
        <v>442</v>
      </c>
      <c r="B52" s="104">
        <v>102</v>
      </c>
      <c r="C52" s="105">
        <v>4.5999999999999996</v>
      </c>
      <c r="D52" s="106">
        <v>0.25480000000000003</v>
      </c>
      <c r="E52" s="107">
        <v>0.14199999999999999</v>
      </c>
      <c r="F52" s="97">
        <v>7.039678645940689E-2</v>
      </c>
      <c r="G52" s="107">
        <v>0.36099999999999999</v>
      </c>
      <c r="H52" s="97">
        <v>9.3588758332599081E-2</v>
      </c>
      <c r="I52" s="107">
        <v>0.48</v>
      </c>
      <c r="J52" s="97">
        <v>9.7056610417415021E-2</v>
      </c>
      <c r="K52" s="96">
        <v>1.7999999999999999E-2</v>
      </c>
      <c r="L52" s="97">
        <v>3.6279345306113091E-2</v>
      </c>
      <c r="M52" s="104">
        <v>102</v>
      </c>
      <c r="N52" s="105">
        <v>4.5</v>
      </c>
      <c r="O52" s="106">
        <v>0.23519999999999999</v>
      </c>
      <c r="P52" s="107">
        <v>0.218</v>
      </c>
      <c r="Q52" s="97">
        <v>8.15798184434883E-2</v>
      </c>
      <c r="R52" s="107">
        <v>0.23599999999999999</v>
      </c>
      <c r="S52" s="97">
        <v>8.3658070642186208E-2</v>
      </c>
      <c r="T52" s="107">
        <v>0.52800000000000002</v>
      </c>
      <c r="U52" s="97">
        <v>9.6987463379666378E-2</v>
      </c>
      <c r="V52" s="96">
        <v>1.7999999999999999E-2</v>
      </c>
      <c r="W52" s="97">
        <v>3.6279345306113091E-2</v>
      </c>
      <c r="X52" s="104">
        <v>102</v>
      </c>
      <c r="Y52" s="105">
        <v>4.3</v>
      </c>
      <c r="Z52" s="106">
        <v>0.27440000000000003</v>
      </c>
      <c r="AA52" s="107">
        <v>7.9000000000000001E-2</v>
      </c>
      <c r="AB52" s="97">
        <v>5.6928717119411949E-2</v>
      </c>
      <c r="AC52" s="107">
        <v>0.31900000000000001</v>
      </c>
      <c r="AD52" s="97">
        <v>9.1045266954886322E-2</v>
      </c>
      <c r="AE52" s="107">
        <v>0.60199999999999998</v>
      </c>
      <c r="AF52" s="97">
        <v>9.5238804583566775E-2</v>
      </c>
      <c r="AG52" s="96">
        <v>0</v>
      </c>
      <c r="AH52" s="97">
        <v>2.6430347017829241E-2</v>
      </c>
      <c r="AI52" s="104">
        <v>102</v>
      </c>
      <c r="AJ52" s="105">
        <v>4.9000000000000004</v>
      </c>
      <c r="AK52" s="106">
        <v>0.25480000000000003</v>
      </c>
      <c r="AL52" s="107">
        <v>0.184</v>
      </c>
      <c r="AM52" s="97">
        <v>7.7102751220171267E-2</v>
      </c>
      <c r="AN52" s="107">
        <v>0.35499999999999998</v>
      </c>
      <c r="AO52" s="97">
        <v>9.327011958024263E-2</v>
      </c>
      <c r="AP52" s="107">
        <v>0.38200000000000001</v>
      </c>
      <c r="AQ52" s="97">
        <v>9.4590884763257263E-2</v>
      </c>
      <c r="AR52" s="96">
        <v>7.9000000000000001E-2</v>
      </c>
      <c r="AS52" s="97">
        <v>5.6928717119411949E-2</v>
      </c>
    </row>
    <row r="53" spans="1:45">
      <c r="A53" s="57" t="s">
        <v>443</v>
      </c>
      <c r="B53" s="100">
        <v>149</v>
      </c>
      <c r="C53" s="101">
        <v>4.7</v>
      </c>
      <c r="D53" s="102">
        <v>0.25480000000000003</v>
      </c>
      <c r="E53" s="103">
        <v>0.23100000000000001</v>
      </c>
      <c r="F53" s="94">
        <v>6.8860591026157089E-2</v>
      </c>
      <c r="G53" s="103">
        <v>0.24099999999999999</v>
      </c>
      <c r="H53" s="94">
        <v>6.9804704890789881E-2</v>
      </c>
      <c r="I53" s="103">
        <v>0.52800000000000002</v>
      </c>
      <c r="J53" s="94">
        <v>8.072489514066461E-2</v>
      </c>
      <c r="K53" s="93">
        <v>0</v>
      </c>
      <c r="L53" s="94">
        <v>1.8365227853566944E-2</v>
      </c>
      <c r="M53" s="100">
        <v>149</v>
      </c>
      <c r="N53" s="101">
        <v>4.5999999999999996</v>
      </c>
      <c r="O53" s="102">
        <v>0.23519999999999999</v>
      </c>
      <c r="P53" s="103">
        <v>0.21</v>
      </c>
      <c r="Q53" s="94">
        <v>6.6713689976050206E-2</v>
      </c>
      <c r="R53" s="103">
        <v>0.26800000000000002</v>
      </c>
      <c r="S53" s="94">
        <v>7.2120729972815267E-2</v>
      </c>
      <c r="T53" s="103">
        <v>0.501</v>
      </c>
      <c r="U53" s="94">
        <v>8.0845054998768026E-2</v>
      </c>
      <c r="V53" s="93">
        <v>0.02</v>
      </c>
      <c r="W53" s="94">
        <v>2.8692455764338695E-2</v>
      </c>
      <c r="X53" s="100">
        <v>149</v>
      </c>
      <c r="Y53" s="101">
        <v>4.4000000000000004</v>
      </c>
      <c r="Z53" s="102">
        <v>0.25480000000000003</v>
      </c>
      <c r="AA53" s="103">
        <v>9.4E-2</v>
      </c>
      <c r="AB53" s="94">
        <v>4.9486305169316236E-2</v>
      </c>
      <c r="AC53" s="103">
        <v>0.34599999999999997</v>
      </c>
      <c r="AD53" s="94">
        <v>7.7122742753168647E-2</v>
      </c>
      <c r="AE53" s="103">
        <v>0.54600000000000004</v>
      </c>
      <c r="AF53" s="94">
        <v>8.052007328854692E-2</v>
      </c>
      <c r="AG53" s="93">
        <v>1.4E-2</v>
      </c>
      <c r="AH53" s="94">
        <v>2.6068125028504693E-2</v>
      </c>
      <c r="AI53" s="100">
        <v>149</v>
      </c>
      <c r="AJ53" s="101">
        <v>4.9000000000000004</v>
      </c>
      <c r="AK53" s="102">
        <v>0.19600000000000001</v>
      </c>
      <c r="AL53" s="103">
        <v>0.248</v>
      </c>
      <c r="AM53" s="94">
        <v>7.0437116208082878E-2</v>
      </c>
      <c r="AN53" s="103">
        <v>0.22600000000000001</v>
      </c>
      <c r="AO53" s="94">
        <v>6.8370048138251843E-2</v>
      </c>
      <c r="AP53" s="103">
        <v>0.44900000000000001</v>
      </c>
      <c r="AQ53" s="94">
        <v>8.0445365249487547E-2</v>
      </c>
      <c r="AR53" s="93">
        <v>7.6999999999999999E-2</v>
      </c>
      <c r="AS53" s="94">
        <v>4.5819899529457857E-2</v>
      </c>
    </row>
    <row r="54" spans="1:45">
      <c r="A54" s="49" t="s">
        <v>455</v>
      </c>
      <c r="B54" s="104">
        <v>126</v>
      </c>
      <c r="C54" s="105">
        <v>4.7</v>
      </c>
      <c r="D54" s="106">
        <v>0.25480000000000003</v>
      </c>
      <c r="E54" s="107">
        <v>0.13600000000000001</v>
      </c>
      <c r="F54" s="97">
        <v>6.2149239737908306E-2</v>
      </c>
      <c r="G54" s="107">
        <v>0.28699999999999998</v>
      </c>
      <c r="H54" s="97">
        <v>7.9880677467588673E-2</v>
      </c>
      <c r="I54" s="107">
        <v>0.56999999999999995</v>
      </c>
      <c r="J54" s="97">
        <v>8.6894613342526586E-2</v>
      </c>
      <c r="K54" s="96">
        <v>8.0000000000000002E-3</v>
      </c>
      <c r="L54" s="97">
        <v>2.6371939128897928E-2</v>
      </c>
      <c r="M54" s="104">
        <v>126</v>
      </c>
      <c r="N54" s="105">
        <v>4.7</v>
      </c>
      <c r="O54" s="106">
        <v>0.23519999999999999</v>
      </c>
      <c r="P54" s="107">
        <v>0.122</v>
      </c>
      <c r="Q54" s="97">
        <v>5.9684706647145029E-2</v>
      </c>
      <c r="R54" s="107">
        <v>0.32700000000000001</v>
      </c>
      <c r="S54" s="97">
        <v>8.2626955830212359E-2</v>
      </c>
      <c r="T54" s="107">
        <v>0.54400000000000004</v>
      </c>
      <c r="U54" s="97">
        <v>8.7386199502267864E-2</v>
      </c>
      <c r="V54" s="96">
        <v>8.0000000000000002E-3</v>
      </c>
      <c r="W54" s="97">
        <v>2.6371939128897928E-2</v>
      </c>
      <c r="X54" s="104">
        <v>126</v>
      </c>
      <c r="Y54" s="105">
        <v>4.2</v>
      </c>
      <c r="Z54" s="106">
        <v>0.23519999999999999</v>
      </c>
      <c r="AA54" s="107">
        <v>8.6999999999999994E-2</v>
      </c>
      <c r="AB54" s="97">
        <v>5.2555046131831915E-2</v>
      </c>
      <c r="AC54" s="107">
        <v>0.33200000000000002</v>
      </c>
      <c r="AD54" s="97">
        <v>8.2924644307897158E-2</v>
      </c>
      <c r="AE54" s="107">
        <v>0.58199999999999996</v>
      </c>
      <c r="AF54" s="97">
        <v>8.6590711652929406E-2</v>
      </c>
      <c r="AG54" s="96">
        <v>0</v>
      </c>
      <c r="AH54" s="97">
        <v>2.158912047524995E-2</v>
      </c>
      <c r="AI54" s="104">
        <v>125</v>
      </c>
      <c r="AJ54" s="105">
        <v>4.9000000000000004</v>
      </c>
      <c r="AK54" s="106">
        <v>0.23519999999999999</v>
      </c>
      <c r="AL54" s="107">
        <v>0.17599999999999999</v>
      </c>
      <c r="AM54" s="97">
        <v>6.8524472432404393E-2</v>
      </c>
      <c r="AN54" s="107">
        <v>0.46</v>
      </c>
      <c r="AO54" s="97">
        <v>8.7780149340298222E-2</v>
      </c>
      <c r="AP54" s="107">
        <v>0.30199999999999999</v>
      </c>
      <c r="AQ54" s="97">
        <v>8.1305160057337719E-2</v>
      </c>
      <c r="AR54" s="96">
        <v>6.2E-2</v>
      </c>
      <c r="AS54" s="97">
        <v>4.6545417688336463E-2</v>
      </c>
    </row>
    <row r="55" spans="1:45">
      <c r="A55" s="57" t="s">
        <v>444</v>
      </c>
      <c r="B55" s="100">
        <v>78</v>
      </c>
      <c r="C55" s="101">
        <v>4.9000000000000004</v>
      </c>
      <c r="D55" s="102">
        <v>0.3332</v>
      </c>
      <c r="E55" s="103">
        <v>7.9000000000000001E-2</v>
      </c>
      <c r="F55" s="94">
        <v>6.6122227375892725E-2</v>
      </c>
      <c r="G55" s="103">
        <v>0.31</v>
      </c>
      <c r="H55" s="94">
        <v>0.10296484125726815</v>
      </c>
      <c r="I55" s="103">
        <v>0.59899999999999998</v>
      </c>
      <c r="J55" s="94">
        <v>0.10845519998771855</v>
      </c>
      <c r="K55" s="93">
        <v>1.2E-2</v>
      </c>
      <c r="L55" s="94">
        <v>4.1037097289952133E-2</v>
      </c>
      <c r="M55" s="100">
        <v>78</v>
      </c>
      <c r="N55" s="101">
        <v>4.8</v>
      </c>
      <c r="O55" s="102">
        <v>0.27440000000000003</v>
      </c>
      <c r="P55" s="103">
        <v>8.3000000000000004E-2</v>
      </c>
      <c r="Q55" s="94">
        <v>6.7231672760271213E-2</v>
      </c>
      <c r="R55" s="103">
        <v>0.371</v>
      </c>
      <c r="S55" s="94">
        <v>0.10705433184903876</v>
      </c>
      <c r="T55" s="103">
        <v>0.53400000000000003</v>
      </c>
      <c r="U55" s="94">
        <v>0.11020026774882261</v>
      </c>
      <c r="V55" s="93">
        <v>1.2E-2</v>
      </c>
      <c r="W55" s="94">
        <v>4.1037097289952133E-2</v>
      </c>
      <c r="X55" s="100">
        <v>78</v>
      </c>
      <c r="Y55" s="101">
        <v>4.4000000000000004</v>
      </c>
      <c r="Z55" s="102">
        <v>0.27440000000000003</v>
      </c>
      <c r="AA55" s="103">
        <v>5.1999999999999998E-2</v>
      </c>
      <c r="AB55" s="94">
        <v>5.7762886074671289E-2</v>
      </c>
      <c r="AC55" s="103">
        <v>0.35599999999999998</v>
      </c>
      <c r="AD55" s="94">
        <v>0.10620681213096324</v>
      </c>
      <c r="AE55" s="103">
        <v>0.59199999999999997</v>
      </c>
      <c r="AF55" s="94">
        <v>0.10872691584657936</v>
      </c>
      <c r="AG55" s="93">
        <v>0</v>
      </c>
      <c r="AH55" s="94">
        <v>3.406977052534528E-2</v>
      </c>
      <c r="AI55" s="100">
        <v>77</v>
      </c>
      <c r="AJ55" s="101">
        <v>5</v>
      </c>
      <c r="AK55" s="102">
        <v>0.27440000000000003</v>
      </c>
      <c r="AL55" s="108">
        <v>0.13700000000000001</v>
      </c>
      <c r="AM55" s="94">
        <v>8.0407567791343684E-2</v>
      </c>
      <c r="AN55" s="103">
        <v>0.48099999999999998</v>
      </c>
      <c r="AO55" s="94">
        <v>0.11103859277210351</v>
      </c>
      <c r="AP55" s="103">
        <v>0.33700000000000002</v>
      </c>
      <c r="AQ55" s="94">
        <v>0.10564097273857211</v>
      </c>
      <c r="AR55" s="93">
        <v>4.4999999999999998E-2</v>
      </c>
      <c r="AS55" s="94">
        <v>5.5740603600118434E-2</v>
      </c>
    </row>
    <row r="56" spans="1:45">
      <c r="A56" s="49" t="s">
        <v>454</v>
      </c>
      <c r="B56" s="104">
        <v>227</v>
      </c>
      <c r="C56" s="105">
        <v>4.8</v>
      </c>
      <c r="D56" s="106">
        <v>0.1764</v>
      </c>
      <c r="E56" s="107">
        <v>0.14099999999999999</v>
      </c>
      <c r="F56" s="97">
        <v>4.6625294029386158E-2</v>
      </c>
      <c r="G56" s="107">
        <v>0.25</v>
      </c>
      <c r="H56" s="97">
        <v>5.7305403730605088E-2</v>
      </c>
      <c r="I56" s="107">
        <v>0.60099999999999998</v>
      </c>
      <c r="J56" s="97">
        <v>6.4485875183766084E-2</v>
      </c>
      <c r="K56" s="96">
        <v>8.0000000000000002E-3</v>
      </c>
      <c r="L56" s="97">
        <v>1.6772781126455021E-2</v>
      </c>
      <c r="M56" s="104">
        <v>227</v>
      </c>
      <c r="N56" s="105">
        <v>4.7</v>
      </c>
      <c r="O56" s="106">
        <v>0.1764</v>
      </c>
      <c r="P56" s="107">
        <v>0.17499999999999999</v>
      </c>
      <c r="Q56" s="97">
        <v>5.0624042948551003E-2</v>
      </c>
      <c r="R56" s="107">
        <v>0.252</v>
      </c>
      <c r="S56" s="97">
        <v>5.7450534646441787E-2</v>
      </c>
      <c r="T56" s="107">
        <v>0.57299999999999995</v>
      </c>
      <c r="U56" s="97">
        <v>6.5114478775248522E-2</v>
      </c>
      <c r="V56" s="96">
        <v>0</v>
      </c>
      <c r="W56" s="97">
        <v>1.2191152525401436E-2</v>
      </c>
      <c r="X56" s="104">
        <v>227</v>
      </c>
      <c r="Y56" s="105">
        <v>4.3</v>
      </c>
      <c r="Z56" s="106">
        <v>0.1764</v>
      </c>
      <c r="AA56" s="107">
        <v>0.16400000000000001</v>
      </c>
      <c r="AB56" s="97">
        <v>4.9408618163047195E-2</v>
      </c>
      <c r="AC56" s="107">
        <v>0.26900000000000002</v>
      </c>
      <c r="AD56" s="97">
        <v>5.8623606787089388E-2</v>
      </c>
      <c r="AE56" s="107">
        <v>0.55800000000000005</v>
      </c>
      <c r="AF56" s="97">
        <v>6.5366299681005879E-2</v>
      </c>
      <c r="AG56" s="96">
        <v>8.0000000000000002E-3</v>
      </c>
      <c r="AH56" s="97">
        <v>1.6772781126455021E-2</v>
      </c>
      <c r="AI56" s="104">
        <v>227</v>
      </c>
      <c r="AJ56" s="105">
        <v>4.7</v>
      </c>
      <c r="AK56" s="106">
        <v>0.1764</v>
      </c>
      <c r="AL56" s="107">
        <v>0.23</v>
      </c>
      <c r="AM56" s="97">
        <v>5.5767423137139907E-2</v>
      </c>
      <c r="AN56" s="107">
        <v>0.26900000000000002</v>
      </c>
      <c r="AO56" s="97">
        <v>5.8623606787089388E-2</v>
      </c>
      <c r="AP56" s="107">
        <v>0.40100000000000002</v>
      </c>
      <c r="AQ56" s="97">
        <v>6.4537715379635402E-2</v>
      </c>
      <c r="AR56" s="96">
        <v>9.9000000000000005E-2</v>
      </c>
      <c r="AS56" s="97">
        <v>4.0498976634507265E-2</v>
      </c>
    </row>
    <row r="57" spans="1:45" ht="25.5">
      <c r="A57" s="57" t="s">
        <v>445</v>
      </c>
      <c r="B57" s="100">
        <v>99</v>
      </c>
      <c r="C57" s="101">
        <v>4.7</v>
      </c>
      <c r="D57" s="102">
        <v>0.27440000000000003</v>
      </c>
      <c r="E57" s="103">
        <v>0.17599999999999999</v>
      </c>
      <c r="F57" s="94">
        <v>7.7087557282676022E-2</v>
      </c>
      <c r="G57" s="103">
        <v>0.19700000000000001</v>
      </c>
      <c r="H57" s="94">
        <v>8.009298820406148E-2</v>
      </c>
      <c r="I57" s="103">
        <v>0.627</v>
      </c>
      <c r="J57" s="94">
        <v>9.555142220662681E-2</v>
      </c>
      <c r="K57" s="93">
        <v>0</v>
      </c>
      <c r="L57" s="94">
        <v>2.7192544212657866E-2</v>
      </c>
      <c r="M57" s="100">
        <v>99</v>
      </c>
      <c r="N57" s="101">
        <v>5</v>
      </c>
      <c r="O57" s="102">
        <v>0.27440000000000003</v>
      </c>
      <c r="P57" s="103">
        <v>0.1</v>
      </c>
      <c r="Q57" s="94">
        <v>6.2995108428771415E-2</v>
      </c>
      <c r="R57" s="103">
        <v>0.24399999999999999</v>
      </c>
      <c r="S57" s="94">
        <v>8.5775805404074576E-2</v>
      </c>
      <c r="T57" s="103">
        <v>0.65500000000000003</v>
      </c>
      <c r="U57" s="94">
        <v>9.4057364448609695E-2</v>
      </c>
      <c r="V57" s="93">
        <v>0</v>
      </c>
      <c r="W57" s="94">
        <v>2.7192544212657866E-2</v>
      </c>
      <c r="X57" s="100">
        <v>99</v>
      </c>
      <c r="Y57" s="101">
        <v>4.3</v>
      </c>
      <c r="Z57" s="102">
        <v>0.23519999999999999</v>
      </c>
      <c r="AA57" s="103">
        <v>0.155</v>
      </c>
      <c r="AB57" s="94">
        <v>7.374586438409185E-2</v>
      </c>
      <c r="AC57" s="103">
        <v>0.20399999999999999</v>
      </c>
      <c r="AD57" s="94">
        <v>8.102666176103035E-2</v>
      </c>
      <c r="AE57" s="103">
        <v>0.64100000000000001</v>
      </c>
      <c r="AF57" s="94">
        <v>9.4844414596917753E-2</v>
      </c>
      <c r="AG57" s="93">
        <v>0</v>
      </c>
      <c r="AH57" s="94">
        <v>2.7192544212657866E-2</v>
      </c>
      <c r="AI57" s="100">
        <v>99</v>
      </c>
      <c r="AJ57" s="101">
        <v>4.9000000000000004</v>
      </c>
      <c r="AK57" s="102">
        <v>0.29399999999999998</v>
      </c>
      <c r="AL57" s="108">
        <v>0.20699999999999999</v>
      </c>
      <c r="AM57" s="94">
        <v>8.1416920554581815E-2</v>
      </c>
      <c r="AN57" s="103">
        <v>0.35399999999999998</v>
      </c>
      <c r="AO57" s="94">
        <v>9.4572613259320301E-2</v>
      </c>
      <c r="AP57" s="103">
        <v>0.36399999999999999</v>
      </c>
      <c r="AQ57" s="94">
        <v>9.5106008858990718E-2</v>
      </c>
      <c r="AR57" s="93">
        <v>7.3999999999999996E-2</v>
      </c>
      <c r="AS57" s="94">
        <v>5.6549842142961271E-2</v>
      </c>
    </row>
    <row r="58" spans="1:45" ht="25.5">
      <c r="A58" s="49" t="s">
        <v>471</v>
      </c>
      <c r="B58" s="104">
        <v>80</v>
      </c>
      <c r="C58" s="105">
        <v>5.0999999999999996</v>
      </c>
      <c r="D58" s="106">
        <v>0.27440000000000003</v>
      </c>
      <c r="E58" s="107">
        <v>7.0000000000000007E-2</v>
      </c>
      <c r="F58" s="97">
        <v>6.2598588692864388E-2</v>
      </c>
      <c r="G58" s="107">
        <v>0.29199999999999998</v>
      </c>
      <c r="H58" s="97">
        <v>0.10018037937449936</v>
      </c>
      <c r="I58" s="107">
        <v>0.61799999999999999</v>
      </c>
      <c r="J58" s="97">
        <v>0.10631725245069255</v>
      </c>
      <c r="K58" s="96">
        <v>0.02</v>
      </c>
      <c r="L58" s="97">
        <v>4.4196750668791251E-2</v>
      </c>
      <c r="M58" s="104">
        <v>80</v>
      </c>
      <c r="N58" s="105">
        <v>4.5999999999999996</v>
      </c>
      <c r="O58" s="106">
        <v>0.29399999999999998</v>
      </c>
      <c r="P58" s="107">
        <v>0.23499999999999999</v>
      </c>
      <c r="Q58" s="97">
        <v>9.4189235780519312E-2</v>
      </c>
      <c r="R58" s="107">
        <v>0.246</v>
      </c>
      <c r="S58" s="97">
        <v>9.548923802931443E-2</v>
      </c>
      <c r="T58" s="107">
        <v>0.51900000000000002</v>
      </c>
      <c r="U58" s="97">
        <v>0.10903746895498084</v>
      </c>
      <c r="V58" s="96">
        <v>0</v>
      </c>
      <c r="W58" s="97">
        <v>3.326848242884628E-2</v>
      </c>
      <c r="X58" s="104">
        <v>80</v>
      </c>
      <c r="Y58" s="105">
        <v>4.4000000000000004</v>
      </c>
      <c r="Z58" s="106">
        <v>0.29399999999999998</v>
      </c>
      <c r="AA58" s="107">
        <v>0.191</v>
      </c>
      <c r="AB58" s="97">
        <v>8.8208605121568001E-2</v>
      </c>
      <c r="AC58" s="107">
        <v>0.26100000000000001</v>
      </c>
      <c r="AD58" s="97">
        <v>9.7147303264043736E-2</v>
      </c>
      <c r="AE58" s="107">
        <v>0.52800000000000002</v>
      </c>
      <c r="AF58" s="97">
        <v>0.10895365744617971</v>
      </c>
      <c r="AG58" s="96">
        <v>0.02</v>
      </c>
      <c r="AH58" s="97">
        <v>4.4196750668791251E-2</v>
      </c>
      <c r="AI58" s="104">
        <v>80</v>
      </c>
      <c r="AJ58" s="105">
        <v>4.5999999999999996</v>
      </c>
      <c r="AK58" s="106">
        <v>0.29399999999999998</v>
      </c>
      <c r="AL58" s="107">
        <v>0.19400000000000001</v>
      </c>
      <c r="AM58" s="97">
        <v>8.8659162165888067E-2</v>
      </c>
      <c r="AN58" s="107">
        <v>0.188</v>
      </c>
      <c r="AO58" s="97">
        <v>8.7751305091089693E-2</v>
      </c>
      <c r="AP58" s="107">
        <v>0.47399999999999998</v>
      </c>
      <c r="AQ58" s="97">
        <v>0.1089750622570666</v>
      </c>
      <c r="AR58" s="96">
        <v>0.14399999999999999</v>
      </c>
      <c r="AS58" s="97">
        <v>8.0192242831758034E-2</v>
      </c>
    </row>
    <row r="59" spans="1:45" ht="25.5">
      <c r="A59" s="57" t="s">
        <v>442</v>
      </c>
      <c r="B59" s="100">
        <v>102</v>
      </c>
      <c r="C59" s="101">
        <v>4.5999999999999996</v>
      </c>
      <c r="D59" s="102">
        <v>0.25480000000000003</v>
      </c>
      <c r="E59" s="103">
        <v>0.14199999999999999</v>
      </c>
      <c r="F59" s="94">
        <v>7.039678645940689E-2</v>
      </c>
      <c r="G59" s="103">
        <v>0.36099999999999999</v>
      </c>
      <c r="H59" s="94">
        <v>9.3588758332599081E-2</v>
      </c>
      <c r="I59" s="103">
        <v>0.48</v>
      </c>
      <c r="J59" s="94">
        <v>9.7056610417415021E-2</v>
      </c>
      <c r="K59" s="93">
        <v>1.7999999999999999E-2</v>
      </c>
      <c r="L59" s="94">
        <v>3.6279345306113091E-2</v>
      </c>
      <c r="M59" s="100">
        <v>102</v>
      </c>
      <c r="N59" s="101">
        <v>4.5</v>
      </c>
      <c r="O59" s="102">
        <v>0.23519999999999999</v>
      </c>
      <c r="P59" s="103">
        <v>0.218</v>
      </c>
      <c r="Q59" s="94">
        <v>8.15798184434883E-2</v>
      </c>
      <c r="R59" s="103">
        <v>0.23599999999999999</v>
      </c>
      <c r="S59" s="94">
        <v>8.3658070642186208E-2</v>
      </c>
      <c r="T59" s="103">
        <v>0.52800000000000002</v>
      </c>
      <c r="U59" s="94">
        <v>9.6987463379666378E-2</v>
      </c>
      <c r="V59" s="93">
        <v>1.7999999999999999E-2</v>
      </c>
      <c r="W59" s="94">
        <v>3.6279345306113091E-2</v>
      </c>
      <c r="X59" s="100">
        <v>102</v>
      </c>
      <c r="Y59" s="101">
        <v>4.3</v>
      </c>
      <c r="Z59" s="102">
        <v>0.27440000000000003</v>
      </c>
      <c r="AA59" s="103">
        <v>7.9000000000000001E-2</v>
      </c>
      <c r="AB59" s="94">
        <v>5.6928717119411949E-2</v>
      </c>
      <c r="AC59" s="103">
        <v>0.31900000000000001</v>
      </c>
      <c r="AD59" s="94">
        <v>9.1045266954886322E-2</v>
      </c>
      <c r="AE59" s="103">
        <v>0.60199999999999998</v>
      </c>
      <c r="AF59" s="94">
        <v>9.5238804583566775E-2</v>
      </c>
      <c r="AG59" s="93">
        <v>0</v>
      </c>
      <c r="AH59" s="94">
        <v>2.6430347017829241E-2</v>
      </c>
      <c r="AI59" s="100">
        <v>102</v>
      </c>
      <c r="AJ59" s="101">
        <v>4.9000000000000004</v>
      </c>
      <c r="AK59" s="102">
        <v>0.25480000000000003</v>
      </c>
      <c r="AL59" s="108">
        <v>0.184</v>
      </c>
      <c r="AM59" s="94">
        <v>7.7102751220171267E-2</v>
      </c>
      <c r="AN59" s="103">
        <v>0.35499999999999998</v>
      </c>
      <c r="AO59" s="94">
        <v>9.327011958024263E-2</v>
      </c>
      <c r="AP59" s="103">
        <v>0.38200000000000001</v>
      </c>
      <c r="AQ59" s="94">
        <v>9.4590884763257263E-2</v>
      </c>
      <c r="AR59" s="93">
        <v>7.9000000000000001E-2</v>
      </c>
      <c r="AS59" s="94">
        <v>5.6928717119411949E-2</v>
      </c>
    </row>
    <row r="61" spans="1:45" ht="18.75">
      <c r="A61" s="320" t="s">
        <v>254</v>
      </c>
      <c r="B61" s="320"/>
      <c r="C61" s="320"/>
      <c r="D61" s="320"/>
      <c r="E61" s="320"/>
      <c r="F61" s="320"/>
      <c r="G61" s="320"/>
      <c r="H61" s="320"/>
      <c r="I61" s="320"/>
      <c r="J61" s="320"/>
      <c r="K61" s="320"/>
      <c r="L61" s="320"/>
      <c r="M61" s="320"/>
      <c r="N61" s="320"/>
      <c r="O61" s="320"/>
      <c r="P61" s="320"/>
      <c r="Q61" s="320"/>
      <c r="R61" s="320"/>
      <c r="S61" s="320"/>
      <c r="T61" s="320"/>
      <c r="U61" s="320"/>
      <c r="V61" s="320"/>
      <c r="W61" s="320"/>
      <c r="X61" s="320"/>
      <c r="Y61" s="320"/>
    </row>
    <row r="62" spans="1:45" ht="66" customHeight="1">
      <c r="A62" s="378" t="s">
        <v>382</v>
      </c>
      <c r="B62" s="378"/>
      <c r="C62" s="378"/>
      <c r="D62" s="378"/>
      <c r="E62" s="378"/>
      <c r="F62" s="378"/>
      <c r="G62" s="378"/>
      <c r="H62" s="378"/>
      <c r="I62" s="378"/>
      <c r="J62" s="378"/>
      <c r="K62" s="378"/>
      <c r="L62" s="378"/>
      <c r="M62" s="378"/>
      <c r="N62" s="378"/>
      <c r="O62" s="378"/>
      <c r="P62" s="378"/>
      <c r="Q62" s="378"/>
      <c r="R62" s="378"/>
      <c r="S62" s="378"/>
      <c r="T62" s="378"/>
      <c r="U62" s="378"/>
      <c r="V62" s="378"/>
      <c r="W62" s="378"/>
      <c r="X62" s="323"/>
      <c r="Y62" s="323"/>
    </row>
    <row r="63" spans="1:45" ht="45.75" customHeight="1">
      <c r="A63" s="109"/>
      <c r="B63" s="375" t="s">
        <v>389</v>
      </c>
      <c r="C63" s="376"/>
      <c r="D63" s="376"/>
      <c r="E63" s="376"/>
      <c r="F63" s="376"/>
      <c r="G63" s="376"/>
      <c r="H63" s="376"/>
      <c r="I63" s="376"/>
      <c r="J63" s="376"/>
      <c r="K63" s="376"/>
      <c r="L63" s="377"/>
      <c r="M63" s="321" t="s">
        <v>255</v>
      </c>
      <c r="N63" s="322"/>
      <c r="O63" s="322"/>
      <c r="P63" s="322"/>
      <c r="Q63" s="322"/>
      <c r="R63" s="322"/>
      <c r="S63" s="322"/>
      <c r="T63" s="322"/>
      <c r="U63" s="322"/>
      <c r="V63" s="322"/>
      <c r="W63" s="322"/>
    </row>
    <row r="64" spans="1:45" ht="66" customHeight="1">
      <c r="A64" s="37" t="s">
        <v>85</v>
      </c>
      <c r="B64" s="38" t="s">
        <v>86</v>
      </c>
      <c r="C64" s="38" t="s">
        <v>87</v>
      </c>
      <c r="D64" s="278" t="s">
        <v>88</v>
      </c>
      <c r="E64" s="38" t="s">
        <v>179</v>
      </c>
      <c r="F64" s="89" t="s">
        <v>101</v>
      </c>
      <c r="G64" s="38" t="s">
        <v>180</v>
      </c>
      <c r="H64" s="89" t="s">
        <v>102</v>
      </c>
      <c r="I64" s="38" t="s">
        <v>181</v>
      </c>
      <c r="J64" s="89" t="s">
        <v>103</v>
      </c>
      <c r="K64" s="38" t="s">
        <v>356</v>
      </c>
      <c r="L64" s="89" t="s">
        <v>355</v>
      </c>
      <c r="M64" s="65" t="s">
        <v>86</v>
      </c>
      <c r="N64" s="65" t="s">
        <v>87</v>
      </c>
      <c r="O64" s="280" t="s">
        <v>88</v>
      </c>
      <c r="P64" s="65" t="s">
        <v>426</v>
      </c>
      <c r="Q64" s="88" t="s">
        <v>427</v>
      </c>
      <c r="R64" s="65" t="s">
        <v>422</v>
      </c>
      <c r="S64" s="88" t="s">
        <v>424</v>
      </c>
      <c r="T64" s="65" t="s">
        <v>428</v>
      </c>
      <c r="U64" s="88" t="s">
        <v>429</v>
      </c>
      <c r="V64" s="65" t="s">
        <v>356</v>
      </c>
      <c r="W64" s="88" t="s">
        <v>370</v>
      </c>
    </row>
    <row r="65" spans="1:23" ht="99.75" customHeight="1">
      <c r="A65" s="41"/>
      <c r="B65" s="42" t="s">
        <v>89</v>
      </c>
      <c r="C65" s="42" t="s">
        <v>357</v>
      </c>
      <c r="D65" s="279" t="s">
        <v>91</v>
      </c>
      <c r="E65" s="42" t="s">
        <v>182</v>
      </c>
      <c r="F65" s="91" t="s">
        <v>104</v>
      </c>
      <c r="G65" s="42" t="s">
        <v>183</v>
      </c>
      <c r="H65" s="91" t="s">
        <v>104</v>
      </c>
      <c r="I65" s="42" t="s">
        <v>184</v>
      </c>
      <c r="J65" s="91" t="s">
        <v>104</v>
      </c>
      <c r="K65" s="42" t="s">
        <v>356</v>
      </c>
      <c r="L65" s="91" t="s">
        <v>104</v>
      </c>
      <c r="M65" s="68" t="s">
        <v>89</v>
      </c>
      <c r="N65" s="68" t="s">
        <v>358</v>
      </c>
      <c r="O65" s="281" t="s">
        <v>91</v>
      </c>
      <c r="P65" s="68" t="s">
        <v>421</v>
      </c>
      <c r="Q65" s="90" t="s">
        <v>104</v>
      </c>
      <c r="R65" s="68" t="s">
        <v>423</v>
      </c>
      <c r="S65" s="90" t="s">
        <v>104</v>
      </c>
      <c r="T65" s="68" t="s">
        <v>182</v>
      </c>
      <c r="U65" s="90" t="s">
        <v>104</v>
      </c>
      <c r="V65" s="68" t="s">
        <v>356</v>
      </c>
      <c r="W65" s="90" t="s">
        <v>104</v>
      </c>
    </row>
    <row r="66" spans="1:23">
      <c r="A66" s="45" t="s">
        <v>430</v>
      </c>
      <c r="B66" s="112">
        <v>9266</v>
      </c>
      <c r="C66" s="47">
        <v>3.1</v>
      </c>
      <c r="D66" s="48">
        <v>3.9199999999999999E-2</v>
      </c>
      <c r="E66" s="113">
        <v>0.60799999999999998</v>
      </c>
      <c r="F66" s="94">
        <v>1.0141311453284773E-2</v>
      </c>
      <c r="G66" s="113">
        <v>0.107</v>
      </c>
      <c r="H66" s="94">
        <v>6.4255510910279385E-3</v>
      </c>
      <c r="I66" s="113">
        <v>0.26500000000000001</v>
      </c>
      <c r="J66" s="94">
        <v>9.1687440737048664E-3</v>
      </c>
      <c r="K66" s="93">
        <v>0.02</v>
      </c>
      <c r="L66" s="94">
        <v>2.9228698383357626E-3</v>
      </c>
      <c r="M66" s="112">
        <v>10804</v>
      </c>
      <c r="N66" s="47">
        <v>4</v>
      </c>
      <c r="O66" s="48">
        <v>3.9199999999999999E-2</v>
      </c>
      <c r="P66" s="113">
        <v>0.21</v>
      </c>
      <c r="Q66" s="94">
        <v>7.8372187685314225E-3</v>
      </c>
      <c r="R66" s="113">
        <v>0.35</v>
      </c>
      <c r="S66" s="94">
        <v>9.1762221941187605E-3</v>
      </c>
      <c r="T66" s="113">
        <v>0.33</v>
      </c>
      <c r="U66" s="94">
        <v>9.0463357677486728E-3</v>
      </c>
      <c r="V66" s="93">
        <v>0.11</v>
      </c>
      <c r="W66" s="94">
        <v>6.022796639669644E-3</v>
      </c>
    </row>
    <row r="67" spans="1:23">
      <c r="A67" s="49" t="s">
        <v>431</v>
      </c>
      <c r="B67" s="114">
        <v>8696</v>
      </c>
      <c r="C67" s="51">
        <v>3.1323235774438491</v>
      </c>
      <c r="D67" s="52">
        <v>4.4663496380326621E-2</v>
      </c>
      <c r="E67" s="115">
        <v>0.59938941569962423</v>
      </c>
      <c r="F67" s="97">
        <v>1.0507377275093125E-2</v>
      </c>
      <c r="G67" s="115">
        <v>0.10760644100695003</v>
      </c>
      <c r="H67" s="97">
        <v>6.6494782928836413E-3</v>
      </c>
      <c r="I67" s="115">
        <v>0.27330918993901621</v>
      </c>
      <c r="J67" s="97">
        <v>9.5570523943678196E-3</v>
      </c>
      <c r="K67" s="96">
        <v>1.9694953354409444E-2</v>
      </c>
      <c r="L67" s="97">
        <v>2.9957168534017315E-3</v>
      </c>
      <c r="M67" s="114">
        <v>8845</v>
      </c>
      <c r="N67" s="51">
        <v>4.2</v>
      </c>
      <c r="O67" s="52">
        <v>3.9713671816827278E-2</v>
      </c>
      <c r="P67" s="115">
        <v>0.25</v>
      </c>
      <c r="Q67" s="97">
        <v>9.2076530686058689E-3</v>
      </c>
      <c r="R67" s="115">
        <v>0.36</v>
      </c>
      <c r="S67" s="97">
        <v>1.020565378598757E-2</v>
      </c>
      <c r="T67" s="115">
        <v>0.28999999999999998</v>
      </c>
      <c r="U67" s="97">
        <v>9.6483512264059351E-3</v>
      </c>
      <c r="V67" s="96">
        <v>0.09</v>
      </c>
      <c r="W67" s="97">
        <v>6.0901405948729989E-3</v>
      </c>
    </row>
    <row r="68" spans="1:23">
      <c r="A68" s="45" t="s">
        <v>432</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3</v>
      </c>
      <c r="B69" s="114">
        <v>105</v>
      </c>
      <c r="C69" s="51">
        <v>3.3</v>
      </c>
      <c r="D69" s="52">
        <v>0.3332</v>
      </c>
      <c r="E69" s="115">
        <v>0.55600000000000005</v>
      </c>
      <c r="F69" s="97">
        <v>9.5223530729297221E-2</v>
      </c>
      <c r="G69" s="115">
        <v>0.217</v>
      </c>
      <c r="H69" s="97">
        <v>8.0293323919297166E-2</v>
      </c>
      <c r="I69" s="115">
        <v>0.22700000000000001</v>
      </c>
      <c r="J69" s="97">
        <v>8.1463821212770474E-2</v>
      </c>
      <c r="K69" s="96">
        <v>0</v>
      </c>
      <c r="L69" s="97">
        <v>2.5709707484377786E-2</v>
      </c>
      <c r="M69" s="114">
        <v>133</v>
      </c>
      <c r="N69" s="51">
        <v>2.9</v>
      </c>
      <c r="O69" s="52">
        <v>0.25480000000000003</v>
      </c>
      <c r="P69" s="115">
        <v>0.03</v>
      </c>
      <c r="Q69" s="97">
        <v>3.493934663651032E-2</v>
      </c>
      <c r="R69" s="115">
        <v>0.25</v>
      </c>
      <c r="S69" s="97">
        <v>7.4695753832922457E-2</v>
      </c>
      <c r="T69" s="115">
        <v>0.61</v>
      </c>
      <c r="U69" s="97">
        <v>8.3464447514464177E-2</v>
      </c>
      <c r="V69" s="96">
        <v>0.12</v>
      </c>
      <c r="W69" s="97">
        <v>5.7669843146578657E-2</v>
      </c>
    </row>
    <row r="70" spans="1:23">
      <c r="A70" s="45" t="s">
        <v>434</v>
      </c>
      <c r="B70" s="83">
        <v>2534</v>
      </c>
      <c r="C70" s="47">
        <v>3.1</v>
      </c>
      <c r="D70" s="48">
        <v>7.8399999999999997E-2</v>
      </c>
      <c r="E70" s="98">
        <v>0.59899999999999998</v>
      </c>
      <c r="F70" s="94">
        <v>1.945797715934117E-2</v>
      </c>
      <c r="G70" s="98">
        <v>0.11799999999999999</v>
      </c>
      <c r="H70" s="94">
        <v>1.2835603732985545E-2</v>
      </c>
      <c r="I70" s="98">
        <v>0.25900000000000001</v>
      </c>
      <c r="J70" s="94">
        <v>1.740003225316375E-2</v>
      </c>
      <c r="K70" s="93">
        <v>2.4E-2</v>
      </c>
      <c r="L70" s="94">
        <v>6.1678166142297057E-3</v>
      </c>
      <c r="M70" s="83">
        <v>3070</v>
      </c>
      <c r="N70" s="47">
        <v>3.9</v>
      </c>
      <c r="O70" s="48">
        <v>5.8799999999999998E-2</v>
      </c>
      <c r="P70" s="98">
        <v>0.19</v>
      </c>
      <c r="Q70" s="94">
        <v>1.4162820041752374E-2</v>
      </c>
      <c r="R70" s="98">
        <v>0.35</v>
      </c>
      <c r="S70" s="94">
        <v>1.720777076775782E-2</v>
      </c>
      <c r="T70" s="98">
        <v>0.36</v>
      </c>
      <c r="U70" s="94">
        <v>1.7316787965453672E-2</v>
      </c>
      <c r="V70" s="93">
        <v>0.11</v>
      </c>
      <c r="W70" s="94">
        <v>1.1309542985125593E-2</v>
      </c>
    </row>
    <row r="71" spans="1:23">
      <c r="A71" s="49" t="s">
        <v>435</v>
      </c>
      <c r="B71" s="114">
        <v>2470</v>
      </c>
      <c r="C71" s="51">
        <v>3.12</v>
      </c>
      <c r="D71" s="52">
        <v>7.8399999999999997E-2</v>
      </c>
      <c r="E71" s="115">
        <v>0.59599999999999997</v>
      </c>
      <c r="F71" s="97">
        <v>1.9731986639735737E-2</v>
      </c>
      <c r="G71" s="115">
        <v>0.122</v>
      </c>
      <c r="H71" s="97">
        <v>1.3188372211413658E-2</v>
      </c>
      <c r="I71" s="115">
        <v>0.25800000000000001</v>
      </c>
      <c r="J71" s="97">
        <v>1.7601775706017345E-2</v>
      </c>
      <c r="K71" s="96">
        <v>2.3E-2</v>
      </c>
      <c r="L71" s="97">
        <v>6.1253610603347218E-3</v>
      </c>
      <c r="M71" s="114">
        <v>2479</v>
      </c>
      <c r="N71" s="51">
        <v>4</v>
      </c>
      <c r="O71" s="52">
        <v>7.8399999999999997E-2</v>
      </c>
      <c r="P71" s="115">
        <v>0.20300000000000001</v>
      </c>
      <c r="Q71" s="97">
        <v>1.6158446852167004E-2</v>
      </c>
      <c r="R71" s="115">
        <v>0.35699999999999998</v>
      </c>
      <c r="S71" s="97">
        <v>1.9232843424908889E-2</v>
      </c>
      <c r="T71" s="115">
        <v>0.33300000000000002</v>
      </c>
      <c r="U71" s="97">
        <v>1.8919707975749628E-2</v>
      </c>
      <c r="V71" s="96">
        <v>0.107</v>
      </c>
      <c r="W71" s="97">
        <v>1.2439023715378699E-2</v>
      </c>
    </row>
    <row r="72" spans="1:23">
      <c r="A72" s="45" t="s">
        <v>452</v>
      </c>
      <c r="B72" s="83">
        <v>50</v>
      </c>
      <c r="C72" s="47">
        <v>3.5</v>
      </c>
      <c r="D72" s="48">
        <v>0.50960000000000005</v>
      </c>
      <c r="E72" s="98">
        <v>0.51700000000000002</v>
      </c>
      <c r="F72" s="94">
        <v>0.136015312068554</v>
      </c>
      <c r="G72" s="98">
        <v>0.106</v>
      </c>
      <c r="H72" s="94">
        <v>9.3059181047105463E-2</v>
      </c>
      <c r="I72" s="98">
        <v>0.308</v>
      </c>
      <c r="J72" s="94">
        <v>0.12719045553767433</v>
      </c>
      <c r="K72" s="93">
        <v>6.9000000000000006E-2</v>
      </c>
      <c r="L72" s="94">
        <v>8.1984589067621114E-2</v>
      </c>
      <c r="M72" s="83">
        <v>93</v>
      </c>
      <c r="N72" s="47">
        <v>3.6</v>
      </c>
      <c r="O72" s="48">
        <v>0.37240000000000001</v>
      </c>
      <c r="P72" s="98">
        <v>0.11</v>
      </c>
      <c r="Q72" s="94">
        <v>6.7407266248368278E-2</v>
      </c>
      <c r="R72" s="98">
        <v>0.29000000000000004</v>
      </c>
      <c r="S72" s="94">
        <v>9.2938760764823894E-2</v>
      </c>
      <c r="T72" s="98">
        <v>0.45</v>
      </c>
      <c r="U72" s="94">
        <v>0.10106687269026354</v>
      </c>
      <c r="V72" s="93">
        <v>0.15</v>
      </c>
      <c r="W72" s="94">
        <v>7.5271270677228816E-2</v>
      </c>
    </row>
    <row r="73" spans="1:23">
      <c r="A73" s="49" t="s">
        <v>172</v>
      </c>
      <c r="B73" s="114">
        <v>237</v>
      </c>
      <c r="C73" s="51">
        <v>2.9</v>
      </c>
      <c r="D73" s="52">
        <v>0.25480000000000003</v>
      </c>
      <c r="E73" s="115">
        <v>0.63600000000000001</v>
      </c>
      <c r="F73" s="97">
        <v>6.2068477760692582E-2</v>
      </c>
      <c r="G73" s="115">
        <v>0.13400000000000001</v>
      </c>
      <c r="H73" s="97">
        <v>4.4712780085684287E-2</v>
      </c>
      <c r="I73" s="115">
        <v>0.219</v>
      </c>
      <c r="J73" s="97">
        <v>5.3683931324234609E-2</v>
      </c>
      <c r="K73" s="96">
        <v>1.2E-2</v>
      </c>
      <c r="L73" s="97">
        <v>1.8080314938030358E-2</v>
      </c>
      <c r="M73" s="114">
        <v>246</v>
      </c>
      <c r="N73" s="51">
        <v>4.3</v>
      </c>
      <c r="O73" s="52">
        <v>0.21559999999999999</v>
      </c>
      <c r="P73" s="115">
        <v>0.22</v>
      </c>
      <c r="Q73" s="97">
        <v>5.277707526568709E-2</v>
      </c>
      <c r="R73" s="115">
        <v>0.42000000000000004</v>
      </c>
      <c r="S73" s="97">
        <v>6.2456789747792833E-2</v>
      </c>
      <c r="T73" s="115">
        <v>0.27</v>
      </c>
      <c r="U73" s="97">
        <v>5.6395639207300417E-2</v>
      </c>
      <c r="V73" s="96">
        <v>0.09</v>
      </c>
      <c r="W73" s="97">
        <v>3.7360121284599708E-2</v>
      </c>
    </row>
    <row r="74" spans="1:23" ht="25.5">
      <c r="A74" s="45" t="s">
        <v>436</v>
      </c>
      <c r="B74" s="83">
        <v>96</v>
      </c>
      <c r="C74" s="47">
        <v>2.9</v>
      </c>
      <c r="D74" s="48">
        <v>0.39200000000000002</v>
      </c>
      <c r="E74" s="98">
        <v>0.65</v>
      </c>
      <c r="F74" s="94">
        <v>9.5763040887390363E-2</v>
      </c>
      <c r="G74" s="98">
        <v>0.11700000000000001</v>
      </c>
      <c r="H74" s="94">
        <v>6.7767667098698331E-2</v>
      </c>
      <c r="I74" s="98">
        <v>0.20200000000000001</v>
      </c>
      <c r="J74" s="94">
        <v>8.2014202087199506E-2</v>
      </c>
      <c r="K74" s="93">
        <v>3.1E-2</v>
      </c>
      <c r="L74" s="94">
        <v>4.3489742422782869E-2</v>
      </c>
      <c r="M74" s="83">
        <v>97</v>
      </c>
      <c r="N74" s="47">
        <v>4.8</v>
      </c>
      <c r="O74" s="48">
        <v>0.31359999999999999</v>
      </c>
      <c r="P74" s="98">
        <v>0.28999999999999998</v>
      </c>
      <c r="Q74" s="94">
        <v>9.1049741517498811E-2</v>
      </c>
      <c r="R74" s="98">
        <v>0.43</v>
      </c>
      <c r="S74" s="94">
        <v>9.8600189442280578E-2</v>
      </c>
      <c r="T74" s="98">
        <v>0.16</v>
      </c>
      <c r="U74" s="94">
        <v>7.5353981830251701E-2</v>
      </c>
      <c r="V74" s="93">
        <v>0.13</v>
      </c>
      <c r="W74" s="94">
        <v>7.000108635925717E-2</v>
      </c>
    </row>
    <row r="75" spans="1:23" ht="25.5">
      <c r="A75" s="49" t="s">
        <v>437</v>
      </c>
      <c r="B75" s="114">
        <v>114</v>
      </c>
      <c r="C75" s="51">
        <v>3.2</v>
      </c>
      <c r="D75" s="52">
        <v>0.37240000000000001</v>
      </c>
      <c r="E75" s="115">
        <v>0.57499999999999996</v>
      </c>
      <c r="F75" s="97">
        <v>9.108570973377926E-2</v>
      </c>
      <c r="G75" s="115">
        <v>0.13</v>
      </c>
      <c r="H75" s="97">
        <v>6.4367600233507419E-2</v>
      </c>
      <c r="I75" s="115">
        <v>0.29499999999999998</v>
      </c>
      <c r="J75" s="97">
        <v>8.4527773355975597E-2</v>
      </c>
      <c r="K75" s="96">
        <v>0</v>
      </c>
      <c r="L75" s="97">
        <v>2.3765720057393202E-2</v>
      </c>
      <c r="M75" s="114">
        <v>116</v>
      </c>
      <c r="N75" s="51">
        <v>4.4000000000000004</v>
      </c>
      <c r="O75" s="52">
        <v>0.31359999999999999</v>
      </c>
      <c r="P75" s="115">
        <v>0.26</v>
      </c>
      <c r="Q75" s="97">
        <v>8.0865320131685611E-2</v>
      </c>
      <c r="R75" s="115">
        <v>0.37</v>
      </c>
      <c r="S75" s="97">
        <v>8.8356831256160548E-2</v>
      </c>
      <c r="T75" s="115">
        <v>0.29000000000000004</v>
      </c>
      <c r="U75" s="97">
        <v>8.3424816451700995E-2</v>
      </c>
      <c r="V75" s="96">
        <v>7.0000000000000007E-2</v>
      </c>
      <c r="W75" s="97">
        <v>5.0735005082691582E-2</v>
      </c>
    </row>
    <row r="76" spans="1:23">
      <c r="A76" s="45" t="s">
        <v>453</v>
      </c>
      <c r="B76" s="112">
        <v>527</v>
      </c>
      <c r="C76" s="47">
        <v>3.3</v>
      </c>
      <c r="D76" s="48">
        <v>0.1764</v>
      </c>
      <c r="E76" s="113">
        <v>0.58399999999999996</v>
      </c>
      <c r="F76" s="94">
        <v>4.2788835044162019E-2</v>
      </c>
      <c r="G76" s="113">
        <v>9.1999999999999998E-2</v>
      </c>
      <c r="H76" s="94">
        <v>2.5457691519154866E-2</v>
      </c>
      <c r="I76" s="113">
        <v>0.29499999999999998</v>
      </c>
      <c r="J76" s="94">
        <v>3.9641116994268699E-2</v>
      </c>
      <c r="K76" s="93">
        <v>2.9000000000000001E-2</v>
      </c>
      <c r="L76" s="94">
        <v>1.5401383953215915E-2</v>
      </c>
      <c r="M76" s="112">
        <v>539</v>
      </c>
      <c r="N76" s="47">
        <v>4.0999999999999996</v>
      </c>
      <c r="O76" s="48">
        <v>0.15679999999999999</v>
      </c>
      <c r="P76" s="113">
        <v>0.17</v>
      </c>
      <c r="Q76" s="94">
        <v>3.2421999945581793E-2</v>
      </c>
      <c r="R76" s="113">
        <v>0.4</v>
      </c>
      <c r="S76" s="94">
        <v>4.2059922788425366E-2</v>
      </c>
      <c r="T76" s="113">
        <v>0.31</v>
      </c>
      <c r="U76" s="94">
        <v>3.9744107924086447E-2</v>
      </c>
      <c r="V76" s="93">
        <v>0.12</v>
      </c>
      <c r="W76" s="94">
        <v>2.8169390839574194E-2</v>
      </c>
    </row>
    <row r="77" spans="1:23" ht="25.5">
      <c r="A77" s="49" t="s">
        <v>438</v>
      </c>
      <c r="B77" s="114">
        <v>77</v>
      </c>
      <c r="C77" s="51">
        <v>4.2</v>
      </c>
      <c r="D77" s="52">
        <v>0.50960000000000005</v>
      </c>
      <c r="E77" s="115">
        <v>0.36299999999999999</v>
      </c>
      <c r="F77" s="97">
        <v>0.10727579716764871</v>
      </c>
      <c r="G77" s="115">
        <v>0.16</v>
      </c>
      <c r="H77" s="97">
        <v>8.4775775629459427E-2</v>
      </c>
      <c r="I77" s="115">
        <v>0.47699999999999998</v>
      </c>
      <c r="J77" s="97">
        <v>0.11100482847163165</v>
      </c>
      <c r="K77" s="96">
        <v>0</v>
      </c>
      <c r="L77" s="97">
        <v>3.4485061975244265E-2</v>
      </c>
      <c r="M77" s="114">
        <v>81</v>
      </c>
      <c r="N77" s="51">
        <v>4.8</v>
      </c>
      <c r="O77" s="52">
        <v>0.3332</v>
      </c>
      <c r="P77" s="115">
        <v>0.35</v>
      </c>
      <c r="Q77" s="97">
        <v>0.10393840258859298</v>
      </c>
      <c r="R77" s="115">
        <v>0.42000000000000004</v>
      </c>
      <c r="S77" s="97">
        <v>0.10719705437805448</v>
      </c>
      <c r="T77" s="115">
        <v>0.18</v>
      </c>
      <c r="U77" s="97">
        <v>8.5957822459686542E-2</v>
      </c>
      <c r="V77" s="96">
        <v>0.06</v>
      </c>
      <c r="W77" s="97">
        <v>5.9088146678978194E-2</v>
      </c>
    </row>
    <row r="78" spans="1:23" ht="25.5">
      <c r="A78" s="45" t="s">
        <v>439</v>
      </c>
      <c r="B78" s="83">
        <v>78</v>
      </c>
      <c r="C78" s="47">
        <v>2.6</v>
      </c>
      <c r="D78" s="48">
        <v>0.45080000000000003</v>
      </c>
      <c r="E78" s="98">
        <v>0.78100000000000003</v>
      </c>
      <c r="F78" s="94">
        <v>9.3327281885238186E-2</v>
      </c>
      <c r="G78" s="98">
        <v>6.6000000000000003E-2</v>
      </c>
      <c r="H78" s="94">
        <v>6.2302172863070382E-2</v>
      </c>
      <c r="I78" s="98">
        <v>0.154</v>
      </c>
      <c r="J78" s="94">
        <v>8.3133375419016123E-2</v>
      </c>
      <c r="K78" s="98">
        <v>0</v>
      </c>
      <c r="L78" s="94">
        <v>3.406977052534528E-2</v>
      </c>
      <c r="M78" s="83">
        <v>80</v>
      </c>
      <c r="N78" s="47">
        <v>4.3</v>
      </c>
      <c r="O78" s="48">
        <v>0.37240000000000001</v>
      </c>
      <c r="P78" s="98">
        <v>0.21</v>
      </c>
      <c r="Q78" s="94">
        <v>9.0952321591793617E-2</v>
      </c>
      <c r="R78" s="98">
        <v>0.37</v>
      </c>
      <c r="S78" s="94">
        <v>0.10571101708905656</v>
      </c>
      <c r="T78" s="98">
        <v>0.32</v>
      </c>
      <c r="U78" s="94">
        <v>0.10249558524707741</v>
      </c>
      <c r="V78" s="98">
        <v>0.09</v>
      </c>
      <c r="W78" s="94">
        <v>6.814841809686302E-2</v>
      </c>
    </row>
    <row r="79" spans="1:23">
      <c r="A79" s="49" t="s">
        <v>440</v>
      </c>
      <c r="B79" s="114">
        <v>79</v>
      </c>
      <c r="C79" s="51">
        <v>3.4</v>
      </c>
      <c r="D79" s="52">
        <v>0.43119999999999997</v>
      </c>
      <c r="E79" s="115">
        <v>0.54900000000000004</v>
      </c>
      <c r="F79" s="97">
        <v>0.10928570829094493</v>
      </c>
      <c r="G79" s="115">
        <v>9.1999999999999998E-2</v>
      </c>
      <c r="H79" s="97">
        <v>6.9140716671323862E-2</v>
      </c>
      <c r="I79" s="115">
        <v>0.34899999999999998</v>
      </c>
      <c r="J79" s="97">
        <v>0.10513186910121392</v>
      </c>
      <c r="K79" s="96">
        <v>0.01</v>
      </c>
      <c r="L79" s="97">
        <v>3.9566644133682993E-2</v>
      </c>
      <c r="M79" s="114">
        <v>79</v>
      </c>
      <c r="N79" s="51">
        <v>4.7</v>
      </c>
      <c r="O79" s="52">
        <v>0.27440000000000003</v>
      </c>
      <c r="P79" s="115">
        <v>0.2</v>
      </c>
      <c r="Q79" s="97">
        <v>9.0104536320166947E-2</v>
      </c>
      <c r="R79" s="115">
        <v>0.59</v>
      </c>
      <c r="S79" s="97">
        <v>0.10814134220352202</v>
      </c>
      <c r="T79" s="115">
        <v>0.1</v>
      </c>
      <c r="U79" s="97">
        <v>7.1152332709449803E-2</v>
      </c>
      <c r="V79" s="96">
        <v>0.11</v>
      </c>
      <c r="W79" s="97">
        <v>7.3536150324856983E-2</v>
      </c>
    </row>
    <row r="80" spans="1:23">
      <c r="A80" s="57" t="s">
        <v>441</v>
      </c>
      <c r="B80" s="112">
        <v>71</v>
      </c>
      <c r="C80" s="47">
        <v>2.8</v>
      </c>
      <c r="D80" s="48">
        <v>0.47039999999999998</v>
      </c>
      <c r="E80" s="113">
        <v>0.68500000000000005</v>
      </c>
      <c r="F80" s="94">
        <v>0.10815502837576699</v>
      </c>
      <c r="G80" s="113">
        <v>3.7999999999999999E-2</v>
      </c>
      <c r="H80" s="94">
        <v>5.5960095496701931E-2</v>
      </c>
      <c r="I80" s="113">
        <v>0.26100000000000001</v>
      </c>
      <c r="J80" s="94">
        <v>0.10297169297900741</v>
      </c>
      <c r="K80" s="93">
        <v>1.6E-2</v>
      </c>
      <c r="L80" s="94">
        <v>4.6225521660017435E-2</v>
      </c>
      <c r="M80" s="112">
        <v>74</v>
      </c>
      <c r="N80" s="47">
        <v>3.5</v>
      </c>
      <c r="O80" s="48">
        <v>0.45080000000000003</v>
      </c>
      <c r="P80" s="113">
        <v>0.1</v>
      </c>
      <c r="Q80" s="94">
        <v>7.3724880330433076E-2</v>
      </c>
      <c r="R80" s="113">
        <v>0.33</v>
      </c>
      <c r="S80" s="94">
        <v>0.10717541335305235</v>
      </c>
      <c r="T80" s="113">
        <v>0.39</v>
      </c>
      <c r="U80" s="94">
        <v>0.11073396265680699</v>
      </c>
      <c r="V80" s="93">
        <v>0.19</v>
      </c>
      <c r="W80" s="94">
        <v>9.1568576456509634E-2</v>
      </c>
    </row>
    <row r="81" spans="1:23" ht="25.5">
      <c r="A81" s="49" t="s">
        <v>442</v>
      </c>
      <c r="B81" s="114">
        <v>111</v>
      </c>
      <c r="C81" s="51">
        <v>3.1</v>
      </c>
      <c r="D81" s="52">
        <v>0.3528</v>
      </c>
      <c r="E81" s="115">
        <v>0.59599999999999997</v>
      </c>
      <c r="F81" s="97">
        <v>9.1635186568482629E-2</v>
      </c>
      <c r="G81" s="115">
        <v>0.155</v>
      </c>
      <c r="H81" s="97">
        <v>6.9560358525965565E-2</v>
      </c>
      <c r="I81" s="115">
        <v>0.23400000000000001</v>
      </c>
      <c r="J81" s="97">
        <v>8.0017509779367654E-2</v>
      </c>
      <c r="K81" s="96">
        <v>1.4999999999999999E-2</v>
      </c>
      <c r="L81" s="97">
        <v>3.275941074495043E-2</v>
      </c>
      <c r="M81" s="114">
        <v>111</v>
      </c>
      <c r="N81" s="51">
        <v>4.7</v>
      </c>
      <c r="O81" s="52">
        <v>0.3332</v>
      </c>
      <c r="P81" s="115">
        <v>0.31</v>
      </c>
      <c r="Q81" s="97">
        <v>8.6751545178992126E-2</v>
      </c>
      <c r="R81" s="115">
        <v>0.44</v>
      </c>
      <c r="S81" s="97">
        <v>9.2622859305443617E-2</v>
      </c>
      <c r="T81" s="115">
        <v>0.19</v>
      </c>
      <c r="U81" s="97">
        <v>7.4709629841085604E-2</v>
      </c>
      <c r="V81" s="96">
        <v>0.05</v>
      </c>
      <c r="W81" s="97">
        <v>4.6191271892853068E-2</v>
      </c>
    </row>
    <row r="82" spans="1:23">
      <c r="A82" s="57" t="s">
        <v>443</v>
      </c>
      <c r="B82" s="112">
        <v>165</v>
      </c>
      <c r="C82" s="47">
        <v>3.3</v>
      </c>
      <c r="D82" s="48">
        <v>0.3332</v>
      </c>
      <c r="E82" s="113">
        <v>0.55900000000000005</v>
      </c>
      <c r="F82" s="94">
        <v>7.6410884164342899E-2</v>
      </c>
      <c r="G82" s="113">
        <v>9.1999999999999998E-2</v>
      </c>
      <c r="H82" s="94">
        <v>4.649176265654574E-2</v>
      </c>
      <c r="I82" s="113">
        <v>0.28899999999999998</v>
      </c>
      <c r="J82" s="94">
        <v>7.0090653403717895E-2</v>
      </c>
      <c r="K82" s="93">
        <v>6.0999999999999999E-2</v>
      </c>
      <c r="L82" s="94">
        <v>3.9611702415103187E-2</v>
      </c>
      <c r="M82" s="112">
        <v>170</v>
      </c>
      <c r="N82" s="47">
        <v>3.5</v>
      </c>
      <c r="O82" s="48">
        <v>0.25480000000000003</v>
      </c>
      <c r="P82" s="113">
        <v>0.12</v>
      </c>
      <c r="Q82" s="94">
        <v>5.0778484263914708E-2</v>
      </c>
      <c r="R82" s="113">
        <v>0.31</v>
      </c>
      <c r="S82" s="94">
        <v>7.0391465701613046E-2</v>
      </c>
      <c r="T82" s="113">
        <v>0.42</v>
      </c>
      <c r="U82" s="94">
        <v>7.4877811678504005E-2</v>
      </c>
      <c r="V82" s="93">
        <v>0.15</v>
      </c>
      <c r="W82" s="94">
        <v>5.5308423868792665E-2</v>
      </c>
    </row>
    <row r="83" spans="1:23">
      <c r="A83" s="49" t="s">
        <v>455</v>
      </c>
      <c r="B83" s="114">
        <v>140</v>
      </c>
      <c r="C83" s="51">
        <v>2.6</v>
      </c>
      <c r="D83" s="52">
        <v>0.31359999999999999</v>
      </c>
      <c r="E83" s="115">
        <v>0.69099999999999995</v>
      </c>
      <c r="F83" s="97">
        <v>7.7373117155779117E-2</v>
      </c>
      <c r="G83" s="115">
        <v>7.8E-2</v>
      </c>
      <c r="H83" s="97">
        <v>4.7630564726435086E-2</v>
      </c>
      <c r="I83" s="115">
        <v>0.223</v>
      </c>
      <c r="J83" s="97">
        <v>7.0212874283795301E-2</v>
      </c>
      <c r="K83" s="96">
        <v>8.0000000000000002E-3</v>
      </c>
      <c r="L83" s="97">
        <v>2.4265443090845502E-2</v>
      </c>
      <c r="M83" s="114">
        <v>150</v>
      </c>
      <c r="N83" s="51">
        <v>4</v>
      </c>
      <c r="O83" s="52">
        <v>0.29399999999999998</v>
      </c>
      <c r="P83" s="115">
        <v>0.19</v>
      </c>
      <c r="Q83" s="97">
        <v>6.4229170442319128E-2</v>
      </c>
      <c r="R83" s="115">
        <v>0.39</v>
      </c>
      <c r="S83" s="97">
        <v>7.8710452145619961E-2</v>
      </c>
      <c r="T83" s="115">
        <v>0.32</v>
      </c>
      <c r="U83" s="97">
        <v>7.5465870538698243E-2</v>
      </c>
      <c r="V83" s="96">
        <v>0.11</v>
      </c>
      <c r="W83" s="97">
        <v>5.2396759201966382E-2</v>
      </c>
    </row>
    <row r="84" spans="1:23">
      <c r="A84" s="57" t="s">
        <v>444</v>
      </c>
      <c r="B84" s="112">
        <v>87</v>
      </c>
      <c r="C84" s="47">
        <v>2.7</v>
      </c>
      <c r="D84" s="48">
        <v>0.39200000000000002</v>
      </c>
      <c r="E84" s="113">
        <v>0.67600000000000005</v>
      </c>
      <c r="F84" s="94">
        <v>9.8714220683809126E-2</v>
      </c>
      <c r="G84" s="113">
        <v>9.9000000000000005E-2</v>
      </c>
      <c r="H84" s="94">
        <v>6.7294551026454541E-2</v>
      </c>
      <c r="I84" s="113">
        <v>0.22600000000000001</v>
      </c>
      <c r="J84" s="94">
        <v>8.9290003140747448E-2</v>
      </c>
      <c r="K84" s="93">
        <v>0</v>
      </c>
      <c r="L84" s="94">
        <v>3.0738162934200789E-2</v>
      </c>
      <c r="M84" s="112">
        <v>89</v>
      </c>
      <c r="N84" s="47">
        <v>4.5</v>
      </c>
      <c r="O84" s="48">
        <v>0.37240000000000001</v>
      </c>
      <c r="P84" s="113">
        <v>0.24</v>
      </c>
      <c r="Q84" s="94">
        <v>8.9943829267988787E-2</v>
      </c>
      <c r="R84" s="113">
        <v>0.42000000000000004</v>
      </c>
      <c r="S84" s="94">
        <v>0.10247238245621741</v>
      </c>
      <c r="T84" s="113">
        <v>0.2</v>
      </c>
      <c r="U84" s="94">
        <v>8.4897266758860418E-2</v>
      </c>
      <c r="V84" s="93">
        <v>0.15</v>
      </c>
      <c r="W84" s="94">
        <v>7.6989321592992321E-2</v>
      </c>
    </row>
    <row r="85" spans="1:23">
      <c r="A85" s="49" t="s">
        <v>454</v>
      </c>
      <c r="B85" s="114">
        <v>251</v>
      </c>
      <c r="C85" s="51">
        <v>3</v>
      </c>
      <c r="D85" s="52">
        <v>0.23519999999999999</v>
      </c>
      <c r="E85" s="115">
        <v>0.65600000000000003</v>
      </c>
      <c r="F85" s="97">
        <v>5.9596222311657274E-2</v>
      </c>
      <c r="G85" s="115">
        <v>8.7999999999999995E-2</v>
      </c>
      <c r="H85" s="97">
        <v>3.6630542251949748E-2</v>
      </c>
      <c r="I85" s="115">
        <v>0.24299999999999999</v>
      </c>
      <c r="J85" s="97">
        <v>5.40162464341278E-2</v>
      </c>
      <c r="K85" s="96">
        <v>1.4E-2</v>
      </c>
      <c r="L85" s="97">
        <v>1.821697221459552E-2</v>
      </c>
      <c r="M85" s="114">
        <v>259</v>
      </c>
      <c r="N85" s="51">
        <v>3.9</v>
      </c>
      <c r="O85" s="52">
        <v>0.23519999999999999</v>
      </c>
      <c r="P85" s="115">
        <v>0.21</v>
      </c>
      <c r="Q85" s="97">
        <v>5.0614283005471272E-2</v>
      </c>
      <c r="R85" s="115">
        <v>0.32</v>
      </c>
      <c r="S85" s="97">
        <v>5.7657446090168117E-2</v>
      </c>
      <c r="T85" s="115">
        <v>0.39</v>
      </c>
      <c r="U85" s="97">
        <v>6.0198058644439556E-2</v>
      </c>
      <c r="V85" s="96">
        <v>0.09</v>
      </c>
      <c r="W85" s="97">
        <v>3.6370385210446332E-2</v>
      </c>
    </row>
    <row r="86" spans="1:23" ht="25.5">
      <c r="A86" s="57" t="s">
        <v>445</v>
      </c>
      <c r="B86" s="112">
        <v>107</v>
      </c>
      <c r="C86" s="47">
        <v>3.1</v>
      </c>
      <c r="D86" s="48">
        <v>0.39200000000000002</v>
      </c>
      <c r="E86" s="113">
        <v>0.621</v>
      </c>
      <c r="F86" s="94">
        <v>9.2297051667303745E-2</v>
      </c>
      <c r="G86" s="113">
        <v>0.108</v>
      </c>
      <c r="H86" s="94">
        <v>6.2156830256339286E-2</v>
      </c>
      <c r="I86" s="113">
        <v>0.27</v>
      </c>
      <c r="J86" s="94">
        <v>8.5074194834048961E-2</v>
      </c>
      <c r="K86" s="93">
        <v>1E-3</v>
      </c>
      <c r="L86" s="94">
        <v>2.5904652851408548E-2</v>
      </c>
      <c r="M86" s="112">
        <v>112</v>
      </c>
      <c r="N86" s="47">
        <v>4</v>
      </c>
      <c r="O86" s="48">
        <v>0.3528</v>
      </c>
      <c r="P86" s="113">
        <v>0.21</v>
      </c>
      <c r="Q86" s="94">
        <v>7.6923607425226387E-2</v>
      </c>
      <c r="R86" s="113">
        <v>0.24</v>
      </c>
      <c r="S86" s="94">
        <v>8.0297225542766568E-2</v>
      </c>
      <c r="T86" s="113">
        <v>0.39</v>
      </c>
      <c r="U86" s="94">
        <v>9.0728867611683126E-2</v>
      </c>
      <c r="V86" s="93">
        <v>0.16</v>
      </c>
      <c r="W86" s="94">
        <v>7.0033233092158503E-2</v>
      </c>
    </row>
    <row r="87" spans="1:23" ht="25.5">
      <c r="A87" s="49" t="s">
        <v>471</v>
      </c>
      <c r="B87" s="114">
        <v>90</v>
      </c>
      <c r="C87" s="51">
        <v>2.8</v>
      </c>
      <c r="D87" s="52">
        <v>0.37240000000000001</v>
      </c>
      <c r="E87" s="115">
        <v>0.73199999999999998</v>
      </c>
      <c r="F87" s="97">
        <v>9.2405052558730091E-2</v>
      </c>
      <c r="G87" s="115">
        <v>2.5999999999999999E-2</v>
      </c>
      <c r="H87" s="97">
        <v>4.3289487800208623E-2</v>
      </c>
      <c r="I87" s="115">
        <v>0.20899999999999999</v>
      </c>
      <c r="J87" s="97">
        <v>8.5644628318332972E-2</v>
      </c>
      <c r="K87" s="96">
        <v>3.2000000000000001E-2</v>
      </c>
      <c r="L87" s="97">
        <v>4.576523694077065E-2</v>
      </c>
      <c r="M87" s="114">
        <v>91</v>
      </c>
      <c r="N87" s="51">
        <v>3.1</v>
      </c>
      <c r="O87" s="52">
        <v>0.3528</v>
      </c>
      <c r="P87" s="115">
        <v>0.09</v>
      </c>
      <c r="Q87" s="97">
        <v>6.3497293055667245E-2</v>
      </c>
      <c r="R87" s="115">
        <v>0.31</v>
      </c>
      <c r="S87" s="97">
        <v>9.5559515761809821E-2</v>
      </c>
      <c r="T87" s="115">
        <v>0.54</v>
      </c>
      <c r="U87" s="97">
        <v>0.10229614393658779</v>
      </c>
      <c r="V87" s="96">
        <v>0.06</v>
      </c>
      <c r="W87" s="97">
        <v>5.5197228579552719E-2</v>
      </c>
    </row>
    <row r="88" spans="1:23" ht="25.5">
      <c r="A88" s="57" t="s">
        <v>442</v>
      </c>
      <c r="B88" s="112">
        <v>111</v>
      </c>
      <c r="C88" s="47">
        <v>3.1</v>
      </c>
      <c r="D88" s="48">
        <v>0.3528</v>
      </c>
      <c r="E88" s="113">
        <v>0.59599999999999997</v>
      </c>
      <c r="F88" s="94">
        <v>9.1635186568482629E-2</v>
      </c>
      <c r="G88" s="113">
        <v>0.155</v>
      </c>
      <c r="H88" s="94">
        <v>6.9560358525965565E-2</v>
      </c>
      <c r="I88" s="113">
        <v>0.23400000000000001</v>
      </c>
      <c r="J88" s="94">
        <v>8.0017509779367654E-2</v>
      </c>
      <c r="K88" s="93">
        <v>1.4999999999999999E-2</v>
      </c>
      <c r="L88" s="94">
        <v>3.275941074495043E-2</v>
      </c>
      <c r="M88" s="112">
        <v>111</v>
      </c>
      <c r="N88" s="47">
        <v>4.7</v>
      </c>
      <c r="O88" s="48">
        <v>0.3332</v>
      </c>
      <c r="P88" s="113">
        <v>0.31</v>
      </c>
      <c r="Q88" s="94">
        <v>8.6751545178992126E-2</v>
      </c>
      <c r="R88" s="113">
        <v>0.44</v>
      </c>
      <c r="S88" s="94">
        <v>9.2622859305443617E-2</v>
      </c>
      <c r="T88" s="113">
        <v>0.19</v>
      </c>
      <c r="U88" s="94">
        <v>7.4709629841085604E-2</v>
      </c>
      <c r="V88" s="93">
        <v>0.05</v>
      </c>
      <c r="W88" s="94">
        <v>4.6191271892853068E-2</v>
      </c>
    </row>
  </sheetData>
  <mergeCells count="5">
    <mergeCell ref="A33:AS33"/>
    <mergeCell ref="B63:L63"/>
    <mergeCell ref="A62:W62"/>
    <mergeCell ref="B5:L5"/>
    <mergeCell ref="A4:W4"/>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75"/>
  <sheetViews>
    <sheetView zoomScaleNormal="100" zoomScalePageLayoutView="75" workbookViewId="0">
      <selection activeCell="A149" sqref="A149:W149"/>
    </sheetView>
  </sheetViews>
  <sheetFormatPr defaultColWidth="22.85546875" defaultRowHeight="15"/>
  <cols>
    <col min="1" max="1" width="30" customWidth="1"/>
  </cols>
  <sheetData>
    <row r="1" spans="1:6" ht="31.5">
      <c r="A1" s="33" t="s">
        <v>42</v>
      </c>
    </row>
    <row r="3" spans="1:6" ht="18.75">
      <c r="A3" s="367" t="s">
        <v>1</v>
      </c>
      <c r="B3" s="367"/>
      <c r="C3" s="367"/>
      <c r="D3" s="367"/>
    </row>
    <row r="4" spans="1:6" ht="201" customHeight="1">
      <c r="A4" s="378" t="s">
        <v>210</v>
      </c>
      <c r="B4" s="378"/>
      <c r="C4" s="378"/>
      <c r="D4" s="378"/>
      <c r="F4" s="238"/>
    </row>
    <row r="5" spans="1:6" ht="34.5" customHeight="1">
      <c r="A5" s="383" t="s">
        <v>122</v>
      </c>
      <c r="B5" s="384"/>
      <c r="C5" s="384"/>
      <c r="D5" s="384"/>
    </row>
    <row r="6" spans="1:6" ht="43.5" customHeight="1">
      <c r="A6" s="37" t="s">
        <v>85</v>
      </c>
      <c r="B6" s="38" t="s">
        <v>86</v>
      </c>
      <c r="C6" s="39" t="s">
        <v>87</v>
      </c>
      <c r="D6" s="40" t="s">
        <v>88</v>
      </c>
    </row>
    <row r="7" spans="1:6" ht="56.25" customHeight="1">
      <c r="A7" s="41"/>
      <c r="B7" s="42" t="s">
        <v>89</v>
      </c>
      <c r="C7" s="43" t="s">
        <v>123</v>
      </c>
      <c r="D7" s="44" t="s">
        <v>91</v>
      </c>
    </row>
    <row r="8" spans="1:6">
      <c r="A8" s="45" t="s">
        <v>430</v>
      </c>
      <c r="B8" s="83">
        <v>10585</v>
      </c>
      <c r="C8" s="84">
        <v>4.2</v>
      </c>
      <c r="D8" s="85">
        <v>1.9599999999999999E-2</v>
      </c>
    </row>
    <row r="9" spans="1:6">
      <c r="A9" s="49" t="s">
        <v>431</v>
      </c>
      <c r="B9" s="119">
        <v>7673</v>
      </c>
      <c r="C9" s="120">
        <v>4.0990636879316202</v>
      </c>
      <c r="D9" s="121">
        <v>2.3820489802410118E-2</v>
      </c>
    </row>
    <row r="10" spans="1:6">
      <c r="A10" s="45" t="s">
        <v>432</v>
      </c>
      <c r="B10" s="83">
        <v>1949</v>
      </c>
      <c r="C10" s="84">
        <v>4.16</v>
      </c>
      <c r="D10" s="85">
        <v>5.8799999999999998E-2</v>
      </c>
    </row>
    <row r="11" spans="1:6">
      <c r="A11" s="49" t="s">
        <v>433</v>
      </c>
      <c r="B11" s="119">
        <v>127</v>
      </c>
      <c r="C11" s="120">
        <v>4.5</v>
      </c>
      <c r="D11" s="121">
        <v>0.19600000000000001</v>
      </c>
    </row>
    <row r="12" spans="1:6">
      <c r="A12" s="45" t="s">
        <v>434</v>
      </c>
      <c r="B12" s="83">
        <v>3032</v>
      </c>
      <c r="C12" s="84">
        <v>4.2</v>
      </c>
      <c r="D12" s="85">
        <v>3.9199999999999999E-2</v>
      </c>
    </row>
    <row r="13" spans="1:6">
      <c r="A13" s="49" t="s">
        <v>435</v>
      </c>
      <c r="B13" s="119">
        <v>2443</v>
      </c>
      <c r="C13" s="120">
        <v>4.29</v>
      </c>
      <c r="D13" s="121">
        <v>3.9199999999999999E-2</v>
      </c>
    </row>
    <row r="14" spans="1:6">
      <c r="A14" s="45" t="s">
        <v>452</v>
      </c>
      <c r="B14" s="83">
        <v>92</v>
      </c>
      <c r="C14" s="84">
        <v>4.2</v>
      </c>
      <c r="D14" s="85">
        <v>0.23519999999999999</v>
      </c>
    </row>
    <row r="15" spans="1:6">
      <c r="A15" s="49" t="s">
        <v>172</v>
      </c>
      <c r="B15" s="119">
        <v>241</v>
      </c>
      <c r="C15" s="120">
        <v>4.2</v>
      </c>
      <c r="D15" s="121">
        <v>0.13720000000000002</v>
      </c>
    </row>
    <row r="16" spans="1:6" ht="25.5">
      <c r="A16" s="45" t="s">
        <v>436</v>
      </c>
      <c r="B16" s="83">
        <v>96</v>
      </c>
      <c r="C16" s="84">
        <v>4.3</v>
      </c>
      <c r="D16" s="85">
        <v>0.21559999999999999</v>
      </c>
    </row>
    <row r="17" spans="1:17" ht="25.5">
      <c r="A17" s="49" t="s">
        <v>437</v>
      </c>
      <c r="B17" s="119">
        <v>113</v>
      </c>
      <c r="C17" s="120">
        <v>4.0999999999999996</v>
      </c>
      <c r="D17" s="121">
        <v>0.19600000000000001</v>
      </c>
    </row>
    <row r="18" spans="1:17">
      <c r="A18" s="45" t="s">
        <v>453</v>
      </c>
      <c r="B18" s="116">
        <v>538</v>
      </c>
      <c r="C18" s="117">
        <v>4.3</v>
      </c>
      <c r="D18" s="118">
        <v>7.8399999999999997E-2</v>
      </c>
    </row>
    <row r="19" spans="1:17" ht="25.5">
      <c r="A19" s="49" t="s">
        <v>438</v>
      </c>
      <c r="B19" s="119">
        <v>82</v>
      </c>
      <c r="C19" s="120">
        <v>4</v>
      </c>
      <c r="D19" s="121">
        <v>0.25480000000000003</v>
      </c>
    </row>
    <row r="20" spans="1:17" ht="25.5">
      <c r="A20" s="45" t="s">
        <v>439</v>
      </c>
      <c r="B20" s="83">
        <v>78</v>
      </c>
      <c r="C20" s="84">
        <v>4.2</v>
      </c>
      <c r="D20" s="85">
        <v>0.21559999999999999</v>
      </c>
    </row>
    <row r="21" spans="1:17">
      <c r="A21" s="49" t="s">
        <v>440</v>
      </c>
      <c r="B21" s="119">
        <v>78</v>
      </c>
      <c r="C21" s="120">
        <v>4.4000000000000004</v>
      </c>
      <c r="D21" s="121">
        <v>0.23519999999999999</v>
      </c>
    </row>
    <row r="22" spans="1:17">
      <c r="A22" s="57" t="s">
        <v>441</v>
      </c>
      <c r="B22" s="116">
        <v>74</v>
      </c>
      <c r="C22" s="117">
        <v>4.5</v>
      </c>
      <c r="D22" s="118">
        <v>0.21559999999999999</v>
      </c>
    </row>
    <row r="23" spans="1:17" ht="25.5">
      <c r="A23" s="49" t="s">
        <v>442</v>
      </c>
      <c r="B23" s="119">
        <v>113</v>
      </c>
      <c r="C23" s="120">
        <v>4.2</v>
      </c>
      <c r="D23" s="121">
        <v>0.19600000000000001</v>
      </c>
    </row>
    <row r="24" spans="1:17">
      <c r="A24" s="57" t="s">
        <v>443</v>
      </c>
      <c r="B24" s="116">
        <v>169</v>
      </c>
      <c r="C24" s="117">
        <v>4.2</v>
      </c>
      <c r="D24" s="118">
        <v>0.15679999999999999</v>
      </c>
    </row>
    <row r="25" spans="1:17">
      <c r="A25" s="49" t="s">
        <v>455</v>
      </c>
      <c r="B25" s="119">
        <v>146</v>
      </c>
      <c r="C25" s="120">
        <v>4.3</v>
      </c>
      <c r="D25" s="121">
        <v>0.19600000000000001</v>
      </c>
    </row>
    <row r="26" spans="1:17">
      <c r="A26" s="57" t="s">
        <v>444</v>
      </c>
      <c r="B26" s="116">
        <v>86</v>
      </c>
      <c r="C26" s="117">
        <v>4.2</v>
      </c>
      <c r="D26" s="118">
        <v>0.23519999999999999</v>
      </c>
    </row>
    <row r="27" spans="1:17">
      <c r="A27" s="49" t="s">
        <v>454</v>
      </c>
      <c r="B27" s="119">
        <v>256</v>
      </c>
      <c r="C27" s="120">
        <v>4.3</v>
      </c>
      <c r="D27" s="121">
        <v>0.13720000000000002</v>
      </c>
    </row>
    <row r="28" spans="1:17" ht="38.25">
      <c r="A28" s="57" t="s">
        <v>445</v>
      </c>
      <c r="B28" s="116">
        <v>111</v>
      </c>
      <c r="C28" s="117">
        <v>3.9</v>
      </c>
      <c r="D28" s="118">
        <v>0.23519999999999999</v>
      </c>
    </row>
    <row r="29" spans="1:17" ht="25.5">
      <c r="A29" s="49" t="s">
        <v>471</v>
      </c>
      <c r="B29" s="119">
        <v>89</v>
      </c>
      <c r="C29" s="120">
        <v>4.7</v>
      </c>
      <c r="D29" s="121">
        <v>0.21559999999999999</v>
      </c>
    </row>
    <row r="30" spans="1:17" ht="25.5">
      <c r="A30" s="57" t="s">
        <v>442</v>
      </c>
      <c r="B30" s="116">
        <v>113</v>
      </c>
      <c r="C30" s="117">
        <v>4.2</v>
      </c>
      <c r="D30" s="118">
        <v>0.19600000000000001</v>
      </c>
    </row>
    <row r="32" spans="1:17" ht="18.75">
      <c r="A32" s="367" t="s">
        <v>35</v>
      </c>
      <c r="B32" s="367"/>
      <c r="C32" s="367"/>
      <c r="D32" s="367"/>
      <c r="E32" s="367"/>
      <c r="F32" s="367"/>
      <c r="G32" s="367"/>
      <c r="H32" s="367"/>
      <c r="I32" s="367"/>
      <c r="J32" s="367"/>
      <c r="K32" s="367"/>
      <c r="L32" s="367"/>
      <c r="M32" s="367"/>
      <c r="N32" s="367"/>
      <c r="O32" s="367"/>
      <c r="P32" s="367"/>
      <c r="Q32" s="367"/>
    </row>
    <row r="33" spans="1:45" ht="58.5" customHeight="1">
      <c r="A33" s="385" t="s">
        <v>211</v>
      </c>
      <c r="B33" s="385"/>
      <c r="C33" s="385"/>
      <c r="D33" s="385"/>
      <c r="E33" s="385"/>
      <c r="F33" s="385"/>
      <c r="G33" s="385"/>
      <c r="H33" s="385"/>
      <c r="I33" s="385"/>
      <c r="J33" s="385"/>
      <c r="K33" s="385"/>
      <c r="L33" s="385"/>
      <c r="M33" s="385"/>
      <c r="N33" s="385"/>
      <c r="O33" s="385"/>
      <c r="P33" s="385"/>
      <c r="Q33" s="385"/>
    </row>
    <row r="34" spans="1:45" ht="39" customHeight="1">
      <c r="A34" s="109"/>
      <c r="B34" s="386" t="s">
        <v>124</v>
      </c>
      <c r="C34" s="387"/>
      <c r="D34" s="387"/>
      <c r="E34" s="387"/>
      <c r="F34" s="387"/>
      <c r="G34" s="387"/>
      <c r="H34" s="388"/>
      <c r="I34" s="348" t="s">
        <v>328</v>
      </c>
      <c r="J34" s="348"/>
      <c r="K34" s="348"/>
      <c r="L34" s="348"/>
      <c r="M34" s="348"/>
      <c r="N34" s="348"/>
      <c r="O34" s="348"/>
      <c r="P34" s="348"/>
      <c r="Q34" s="336"/>
      <c r="R34" s="336"/>
      <c r="S34" s="336"/>
      <c r="T34" s="336"/>
      <c r="U34" s="336"/>
      <c r="V34" s="336"/>
      <c r="W34" s="336"/>
      <c r="X34" s="336"/>
      <c r="Y34" s="336"/>
      <c r="Z34" s="336"/>
      <c r="AA34" s="336"/>
      <c r="AB34" s="336"/>
      <c r="AC34" s="336"/>
      <c r="AD34" s="336"/>
      <c r="AE34" s="336"/>
      <c r="AF34" s="336"/>
      <c r="AG34" s="336"/>
      <c r="AH34" s="336"/>
      <c r="AI34" s="336"/>
      <c r="AJ34" s="336"/>
      <c r="AK34" s="336"/>
      <c r="AL34" s="336"/>
      <c r="AM34" s="336"/>
      <c r="AN34" s="336"/>
      <c r="AO34" s="336"/>
      <c r="AP34" s="336"/>
      <c r="AQ34" s="336"/>
      <c r="AR34" s="336"/>
      <c r="AS34" s="336"/>
    </row>
    <row r="35" spans="1:45" ht="39.75" customHeight="1">
      <c r="A35" s="37" t="s">
        <v>85</v>
      </c>
      <c r="B35" s="38" t="s">
        <v>86</v>
      </c>
      <c r="C35" s="38" t="s">
        <v>197</v>
      </c>
      <c r="D35" s="89" t="s">
        <v>125</v>
      </c>
      <c r="E35" s="38" t="s">
        <v>212</v>
      </c>
      <c r="F35" s="89" t="s">
        <v>126</v>
      </c>
      <c r="G35" s="38" t="s">
        <v>214</v>
      </c>
      <c r="H35" s="89" t="s">
        <v>127</v>
      </c>
      <c r="I35" s="65" t="s">
        <v>86</v>
      </c>
      <c r="J35" s="65" t="s">
        <v>198</v>
      </c>
      <c r="K35" s="88" t="s">
        <v>128</v>
      </c>
      <c r="L35" s="65" t="s">
        <v>199</v>
      </c>
      <c r="M35" s="88" t="s">
        <v>129</v>
      </c>
      <c r="N35" s="65" t="s">
        <v>200</v>
      </c>
      <c r="O35" s="88" t="s">
        <v>130</v>
      </c>
      <c r="P35" s="88" t="s">
        <v>131</v>
      </c>
    </row>
    <row r="36" spans="1:45" ht="63" customHeight="1">
      <c r="A36" s="41"/>
      <c r="B36" s="42" t="s">
        <v>89</v>
      </c>
      <c r="C36" s="42" t="s">
        <v>209</v>
      </c>
      <c r="D36" s="91" t="s">
        <v>104</v>
      </c>
      <c r="E36" s="42" t="s">
        <v>213</v>
      </c>
      <c r="F36" s="91" t="s">
        <v>104</v>
      </c>
      <c r="G36" s="42" t="s">
        <v>215</v>
      </c>
      <c r="H36" s="91" t="s">
        <v>104</v>
      </c>
      <c r="I36" s="68" t="s">
        <v>89</v>
      </c>
      <c r="J36" s="68" t="s">
        <v>329</v>
      </c>
      <c r="K36" s="90" t="s">
        <v>104</v>
      </c>
      <c r="L36" s="68" t="s">
        <v>330</v>
      </c>
      <c r="M36" s="90" t="s">
        <v>104</v>
      </c>
      <c r="N36" s="68" t="s">
        <v>331</v>
      </c>
      <c r="O36" s="90" t="s">
        <v>104</v>
      </c>
      <c r="P36" s="90" t="s">
        <v>104</v>
      </c>
    </row>
    <row r="37" spans="1:45">
      <c r="A37" s="45" t="s">
        <v>430</v>
      </c>
      <c r="B37" s="122">
        <v>7941</v>
      </c>
      <c r="C37" s="123">
        <v>0.36</v>
      </c>
      <c r="D37" s="94">
        <v>1.0770673903927353E-2</v>
      </c>
      <c r="E37" s="123">
        <v>0.44</v>
      </c>
      <c r="F37" s="94">
        <v>1.1137984017958874E-2</v>
      </c>
      <c r="G37" s="123">
        <v>0.2</v>
      </c>
      <c r="H37" s="94">
        <v>8.9777180358180629E-3</v>
      </c>
      <c r="I37" s="124">
        <v>10570</v>
      </c>
      <c r="J37" s="123">
        <v>7.0000000000000007E-2</v>
      </c>
      <c r="K37" s="94">
        <v>4.9678315993187698E-3</v>
      </c>
      <c r="L37" s="123">
        <v>0.33</v>
      </c>
      <c r="M37" s="123">
        <v>0.15</v>
      </c>
      <c r="N37" s="123">
        <v>0.45</v>
      </c>
      <c r="O37" s="94">
        <v>9.6760834098690348E-3</v>
      </c>
      <c r="P37" s="94">
        <v>6.9474142141470012E-3</v>
      </c>
    </row>
    <row r="38" spans="1:45">
      <c r="A38" s="49" t="s">
        <v>431</v>
      </c>
      <c r="B38" s="49">
        <v>7384</v>
      </c>
      <c r="C38" s="126">
        <v>0.36</v>
      </c>
      <c r="D38" s="97">
        <v>1.1169347068972688E-2</v>
      </c>
      <c r="E38" s="126">
        <v>0.43</v>
      </c>
      <c r="F38" s="97">
        <v>1.1519746105406547E-2</v>
      </c>
      <c r="G38" s="126">
        <v>0.21</v>
      </c>
      <c r="H38" s="97">
        <v>9.4800117976022863E-3</v>
      </c>
      <c r="I38" s="49">
        <v>8448</v>
      </c>
      <c r="J38" s="126">
        <v>0.06</v>
      </c>
      <c r="K38" s="97">
        <v>5.174805323020947E-3</v>
      </c>
      <c r="L38" s="126">
        <v>0.32</v>
      </c>
      <c r="M38" s="126">
        <v>0.16</v>
      </c>
      <c r="N38" s="126">
        <v>0.46</v>
      </c>
      <c r="O38" s="97">
        <v>1.0842448570167662E-2</v>
      </c>
      <c r="P38" s="97">
        <v>7.9785974947230963E-3</v>
      </c>
    </row>
    <row r="39" spans="1:45">
      <c r="A39" s="45" t="s">
        <v>432</v>
      </c>
      <c r="B39" s="53">
        <v>709</v>
      </c>
      <c r="C39" s="123">
        <v>0.33600000000000002</v>
      </c>
      <c r="D39" s="94">
        <v>3.5402310674731388E-2</v>
      </c>
      <c r="E39" s="123">
        <v>0.42</v>
      </c>
      <c r="F39" s="94">
        <v>3.6973255777585964E-2</v>
      </c>
      <c r="G39" s="123">
        <v>0.24399999999999999</v>
      </c>
      <c r="H39" s="94">
        <v>3.2233132550217612E-2</v>
      </c>
      <c r="I39" s="53">
        <v>1949</v>
      </c>
      <c r="J39" s="123">
        <v>8.3000000000000004E-2</v>
      </c>
      <c r="K39" s="94">
        <v>1.2543631215236904E-2</v>
      </c>
      <c r="L39" s="123">
        <v>0.35</v>
      </c>
      <c r="M39" s="123">
        <v>0.16200000000000001</v>
      </c>
      <c r="N39" s="123">
        <v>0.40500000000000003</v>
      </c>
      <c r="O39" s="94">
        <v>2.22176512358165E-2</v>
      </c>
      <c r="P39" s="94">
        <v>1.6703400019908173E-2</v>
      </c>
    </row>
    <row r="40" spans="1:45">
      <c r="A40" s="49" t="s">
        <v>433</v>
      </c>
      <c r="B40" s="49">
        <v>95</v>
      </c>
      <c r="C40" s="126">
        <v>0.19</v>
      </c>
      <c r="D40" s="97">
        <v>8.0781229596638707E-2</v>
      </c>
      <c r="E40" s="126">
        <v>0.44</v>
      </c>
      <c r="F40" s="97">
        <v>9.9835224272996445E-2</v>
      </c>
      <c r="G40" s="126">
        <v>0.37</v>
      </c>
      <c r="H40" s="97">
        <v>9.7325459943933004E-2</v>
      </c>
      <c r="I40" s="49">
        <v>127</v>
      </c>
      <c r="J40" s="126">
        <v>7.0000000000000007E-2</v>
      </c>
      <c r="K40" s="97">
        <v>4.8242141207756349E-2</v>
      </c>
      <c r="L40" s="126">
        <v>0.28000000000000003</v>
      </c>
      <c r="M40" s="126">
        <v>0.21</v>
      </c>
      <c r="N40" s="126">
        <v>0.44</v>
      </c>
      <c r="O40" s="97">
        <v>8.6777154428465939E-2</v>
      </c>
      <c r="P40" s="97">
        <v>7.2250088885240371E-2</v>
      </c>
    </row>
    <row r="41" spans="1:45">
      <c r="A41" s="45" t="s">
        <v>434</v>
      </c>
      <c r="B41" s="53">
        <v>2172</v>
      </c>
      <c r="C41" s="123">
        <v>0.35</v>
      </c>
      <c r="D41" s="94">
        <v>2.0453617028674098E-2</v>
      </c>
      <c r="E41" s="123">
        <v>0.44</v>
      </c>
      <c r="F41" s="94">
        <v>2.1282985779575492E-2</v>
      </c>
      <c r="G41" s="123">
        <v>0.22</v>
      </c>
      <c r="H41" s="94">
        <v>1.7775560012894331E-2</v>
      </c>
      <c r="I41" s="53">
        <v>3030</v>
      </c>
      <c r="J41" s="123">
        <v>0.05</v>
      </c>
      <c r="K41" s="94">
        <v>7.9578318951888122E-3</v>
      </c>
      <c r="L41" s="123">
        <v>0.31</v>
      </c>
      <c r="M41" s="123">
        <v>0.17</v>
      </c>
      <c r="N41" s="123">
        <v>0.47</v>
      </c>
      <c r="O41" s="94">
        <v>1.8122209158554125E-2</v>
      </c>
      <c r="P41" s="94">
        <v>1.3652961961870927E-2</v>
      </c>
    </row>
    <row r="42" spans="1:45">
      <c r="A42" s="49" t="s">
        <v>435</v>
      </c>
      <c r="B42" s="49">
        <v>2117</v>
      </c>
      <c r="C42" s="126">
        <v>0.33800000000000002</v>
      </c>
      <c r="D42" s="97">
        <v>2.0546741548713304E-2</v>
      </c>
      <c r="E42" s="126">
        <v>0.44</v>
      </c>
      <c r="F42" s="97">
        <v>2.1557180989952074E-2</v>
      </c>
      <c r="G42" s="126">
        <v>0.222</v>
      </c>
      <c r="H42" s="97">
        <v>1.8063079025605881E-2</v>
      </c>
      <c r="I42" s="49">
        <v>2441</v>
      </c>
      <c r="J42" s="126">
        <v>4.1000000000000002E-2</v>
      </c>
      <c r="K42" s="97">
        <v>8.0902658977954813E-3</v>
      </c>
      <c r="L42" s="126">
        <v>0.28999999999999998</v>
      </c>
      <c r="M42" s="126">
        <v>0.16600000000000001</v>
      </c>
      <c r="N42" s="126">
        <v>0.503</v>
      </c>
      <c r="O42" s="97">
        <v>2.0223335017273553E-2</v>
      </c>
      <c r="P42" s="97">
        <v>1.5069502827549795E-2</v>
      </c>
    </row>
    <row r="43" spans="1:45">
      <c r="A43" s="45" t="s">
        <v>452</v>
      </c>
      <c r="B43" s="53">
        <v>42</v>
      </c>
      <c r="C43" s="123">
        <v>0.37</v>
      </c>
      <c r="D43" s="94">
        <v>0.14322719627434422</v>
      </c>
      <c r="E43" s="123">
        <v>0.46</v>
      </c>
      <c r="F43" s="94">
        <v>0.14704810291663611</v>
      </c>
      <c r="G43" s="123">
        <v>0.18</v>
      </c>
      <c r="H43" s="94">
        <v>0.11964963508978385</v>
      </c>
      <c r="I43" s="53">
        <v>92</v>
      </c>
      <c r="J43" s="123">
        <v>0.09</v>
      </c>
      <c r="K43" s="94">
        <v>6.3119098092269038E-2</v>
      </c>
      <c r="L43" s="123">
        <v>0.3</v>
      </c>
      <c r="M43" s="123">
        <v>0.2</v>
      </c>
      <c r="N43" s="123">
        <v>0.4</v>
      </c>
      <c r="O43" s="94">
        <v>0.10016984996790497</v>
      </c>
      <c r="P43" s="94">
        <v>8.350243259929617E-2</v>
      </c>
    </row>
    <row r="44" spans="1:45">
      <c r="A44" s="49" t="s">
        <v>172</v>
      </c>
      <c r="B44" s="49">
        <v>203</v>
      </c>
      <c r="C44" s="126">
        <v>0.38</v>
      </c>
      <c r="D44" s="97">
        <v>6.7552254916467783E-2</v>
      </c>
      <c r="E44" s="126">
        <v>0.4</v>
      </c>
      <c r="F44" s="97">
        <v>6.8154802395772277E-2</v>
      </c>
      <c r="G44" s="126">
        <v>0.22</v>
      </c>
      <c r="H44" s="97">
        <v>5.8085506984509427E-2</v>
      </c>
      <c r="I44" s="49">
        <v>241</v>
      </c>
      <c r="J44" s="126">
        <v>0.06</v>
      </c>
      <c r="K44" s="97">
        <v>3.1987249370053421E-2</v>
      </c>
      <c r="L44" s="126">
        <v>0.22</v>
      </c>
      <c r="M44" s="126">
        <v>0.22</v>
      </c>
      <c r="N44" s="126">
        <v>0.5</v>
      </c>
      <c r="O44" s="97">
        <v>6.3887656499993992E-2</v>
      </c>
      <c r="P44" s="97">
        <v>5.332060933877468E-2</v>
      </c>
    </row>
    <row r="45" spans="1:45" ht="25.5">
      <c r="A45" s="45" t="s">
        <v>436</v>
      </c>
      <c r="B45" s="53">
        <v>79</v>
      </c>
      <c r="C45" s="123">
        <v>0.37</v>
      </c>
      <c r="D45" s="94">
        <v>0.10635010712697664</v>
      </c>
      <c r="E45" s="123">
        <v>0.37</v>
      </c>
      <c r="F45" s="94">
        <v>0.10635010712697664</v>
      </c>
      <c r="G45" s="123">
        <v>0.26</v>
      </c>
      <c r="H45" s="94">
        <v>9.7639126253221992E-2</v>
      </c>
      <c r="I45" s="53">
        <v>96</v>
      </c>
      <c r="J45" s="123">
        <v>0.01</v>
      </c>
      <c r="K45" s="94">
        <v>3.3896218078127829E-2</v>
      </c>
      <c r="L45" s="123">
        <v>0.31</v>
      </c>
      <c r="M45" s="123">
        <v>0.22</v>
      </c>
      <c r="N45" s="123">
        <v>0.46</v>
      </c>
      <c r="O45" s="94">
        <v>9.9704651847343617E-2</v>
      </c>
      <c r="P45" s="94">
        <v>8.4320000000000006E-2</v>
      </c>
    </row>
    <row r="46" spans="1:45" ht="25.5">
      <c r="A46" s="49" t="s">
        <v>437</v>
      </c>
      <c r="B46" s="49">
        <v>101</v>
      </c>
      <c r="C46" s="126">
        <v>0.46</v>
      </c>
      <c r="D46" s="97">
        <v>9.7300630402977137E-2</v>
      </c>
      <c r="E46" s="126">
        <v>0.42</v>
      </c>
      <c r="F46" s="97">
        <v>9.6427289373073544E-2</v>
      </c>
      <c r="G46" s="126">
        <v>0.13</v>
      </c>
      <c r="H46" s="97">
        <v>6.8544542474153536E-2</v>
      </c>
      <c r="I46" s="49">
        <v>113</v>
      </c>
      <c r="J46" s="126">
        <v>0.03</v>
      </c>
      <c r="K46" s="97">
        <v>3.8761193385171873E-2</v>
      </c>
      <c r="L46" s="126">
        <v>0.25</v>
      </c>
      <c r="M46" s="126">
        <v>0.19</v>
      </c>
      <c r="N46" s="126">
        <v>0.52</v>
      </c>
      <c r="O46" s="97">
        <v>9.2381017567422383E-2</v>
      </c>
      <c r="P46" s="97">
        <v>7.4042865018040777E-2</v>
      </c>
    </row>
    <row r="47" spans="1:45">
      <c r="A47" s="45" t="s">
        <v>453</v>
      </c>
      <c r="B47" s="122">
        <v>455</v>
      </c>
      <c r="C47" s="123">
        <v>0.32</v>
      </c>
      <c r="D47" s="94">
        <v>4.3602706766759328E-2</v>
      </c>
      <c r="E47" s="123">
        <v>0.45</v>
      </c>
      <c r="F47" s="94">
        <v>4.6446106527246178E-2</v>
      </c>
      <c r="G47" s="123">
        <v>0.23</v>
      </c>
      <c r="H47" s="94">
        <v>3.9425620315754591E-2</v>
      </c>
      <c r="I47" s="124">
        <v>537</v>
      </c>
      <c r="J47" s="123">
        <v>0.04</v>
      </c>
      <c r="K47" s="94">
        <v>1.7520508772628087E-2</v>
      </c>
      <c r="L47" s="123">
        <v>0.33</v>
      </c>
      <c r="M47" s="123">
        <v>0.16</v>
      </c>
      <c r="N47" s="123">
        <v>0.47</v>
      </c>
      <c r="O47" s="94">
        <v>4.2917042402251866E-2</v>
      </c>
      <c r="P47" s="94">
        <v>3.1722352274922434E-2</v>
      </c>
    </row>
    <row r="48" spans="1:45" ht="25.5">
      <c r="A48" s="49" t="s">
        <v>438</v>
      </c>
      <c r="B48" s="125">
        <v>64</v>
      </c>
      <c r="C48" s="126">
        <v>0.5</v>
      </c>
      <c r="D48" s="97">
        <v>0.12126781251816648</v>
      </c>
      <c r="E48" s="126">
        <v>0.4</v>
      </c>
      <c r="F48" s="97">
        <v>0.11910002432757956</v>
      </c>
      <c r="G48" s="126">
        <v>0.1</v>
      </c>
      <c r="H48" s="97">
        <v>7.9804870923791599E-2</v>
      </c>
      <c r="I48" s="127">
        <v>82</v>
      </c>
      <c r="J48" s="126">
        <v>0.1</v>
      </c>
      <c r="K48" s="97">
        <v>6.9729573281470572E-2</v>
      </c>
      <c r="L48" s="126">
        <v>0.39</v>
      </c>
      <c r="M48" s="126">
        <v>0.2</v>
      </c>
      <c r="N48" s="126">
        <v>0.3</v>
      </c>
      <c r="O48" s="97">
        <v>9.9681912000433318E-2</v>
      </c>
      <c r="P48" s="97">
        <v>8.8443226615776332E-2</v>
      </c>
    </row>
    <row r="49" spans="1:16" ht="25.5">
      <c r="A49" s="45" t="s">
        <v>439</v>
      </c>
      <c r="B49" s="83">
        <v>70</v>
      </c>
      <c r="C49" s="98">
        <v>0.35</v>
      </c>
      <c r="D49" s="94">
        <v>0.11146850022033</v>
      </c>
      <c r="E49" s="98">
        <v>0.44</v>
      </c>
      <c r="F49" s="94">
        <v>0.11549626659754204</v>
      </c>
      <c r="G49" s="98">
        <v>0.21</v>
      </c>
      <c r="H49" s="94">
        <v>9.7189190001714429E-2</v>
      </c>
      <c r="I49" s="83">
        <v>78</v>
      </c>
      <c r="J49" s="98">
        <v>0.03</v>
      </c>
      <c r="K49" s="94">
        <v>4.9448460486478378E-2</v>
      </c>
      <c r="L49" s="98">
        <v>0.45</v>
      </c>
      <c r="M49" s="98">
        <v>0.2</v>
      </c>
      <c r="N49" s="98">
        <v>0.32</v>
      </c>
      <c r="O49" s="94">
        <v>0.10375484206007189</v>
      </c>
      <c r="P49" s="94">
        <v>9.0679368015521455E-2</v>
      </c>
    </row>
    <row r="50" spans="1:16">
      <c r="A50" s="49" t="s">
        <v>440</v>
      </c>
      <c r="B50" s="125">
        <v>74</v>
      </c>
      <c r="C50" s="126">
        <v>0.27</v>
      </c>
      <c r="D50" s="97">
        <v>0.10187637607061417</v>
      </c>
      <c r="E50" s="126">
        <v>0.45</v>
      </c>
      <c r="F50" s="97">
        <v>0.1127169897403479</v>
      </c>
      <c r="G50" s="126">
        <v>0.28000000000000003</v>
      </c>
      <c r="H50" s="97">
        <v>0.10289073564309878</v>
      </c>
      <c r="I50" s="127">
        <v>78</v>
      </c>
      <c r="J50" s="126">
        <v>0.04</v>
      </c>
      <c r="K50" s="97">
        <v>5.3438084812803786E-2</v>
      </c>
      <c r="L50" s="126">
        <v>0.28999999999999998</v>
      </c>
      <c r="M50" s="126">
        <v>0.14000000000000001</v>
      </c>
      <c r="N50" s="126">
        <v>0.53</v>
      </c>
      <c r="O50" s="97">
        <v>0.11025152248175198</v>
      </c>
      <c r="P50" s="97">
        <v>8.0466782898183001E-2</v>
      </c>
    </row>
    <row r="51" spans="1:16">
      <c r="A51" s="57" t="s">
        <v>441</v>
      </c>
      <c r="B51" s="122">
        <v>53</v>
      </c>
      <c r="C51" s="123">
        <v>0.23</v>
      </c>
      <c r="D51" s="94">
        <v>0.11454642089020882</v>
      </c>
      <c r="E51" s="123">
        <v>0.45</v>
      </c>
      <c r="F51" s="94">
        <v>0.13187941480762602</v>
      </c>
      <c r="G51" s="123">
        <v>0.32</v>
      </c>
      <c r="H51" s="94">
        <v>0.12481222714348031</v>
      </c>
      <c r="I51" s="124">
        <v>73</v>
      </c>
      <c r="J51" s="123">
        <v>0</v>
      </c>
      <c r="K51" s="94">
        <v>3.6252631573966396E-2</v>
      </c>
      <c r="L51" s="123">
        <v>0.28000000000000003</v>
      </c>
      <c r="M51" s="123">
        <v>0.11</v>
      </c>
      <c r="N51" s="123">
        <v>0.61</v>
      </c>
      <c r="O51" s="94">
        <v>0.11145425706526325</v>
      </c>
      <c r="P51" s="94">
        <v>7.6715747998853848E-2</v>
      </c>
    </row>
    <row r="52" spans="1:16" ht="25.5">
      <c r="A52" s="49" t="s">
        <v>442</v>
      </c>
      <c r="B52" s="125">
        <v>96</v>
      </c>
      <c r="C52" s="126">
        <v>0.41</v>
      </c>
      <c r="D52" s="97">
        <v>9.8495693306864945E-2</v>
      </c>
      <c r="E52" s="126">
        <v>0.38</v>
      </c>
      <c r="F52" s="97">
        <v>9.730960075963728E-2</v>
      </c>
      <c r="G52" s="126">
        <v>0.22</v>
      </c>
      <c r="H52" s="97">
        <v>8.4320000000000006E-2</v>
      </c>
      <c r="I52" s="127">
        <v>113</v>
      </c>
      <c r="J52" s="126">
        <v>0.1</v>
      </c>
      <c r="K52" s="97">
        <v>5.8690309767036562E-2</v>
      </c>
      <c r="L52" s="126">
        <v>0.21</v>
      </c>
      <c r="M52" s="126">
        <v>0.16</v>
      </c>
      <c r="N52" s="126">
        <v>0.53</v>
      </c>
      <c r="O52" s="97">
        <v>9.2294676073553794E-2</v>
      </c>
      <c r="P52" s="97">
        <v>6.9717171661956831E-2</v>
      </c>
    </row>
    <row r="53" spans="1:16">
      <c r="A53" s="57" t="s">
        <v>443</v>
      </c>
      <c r="B53" s="122">
        <v>143</v>
      </c>
      <c r="C53" s="123">
        <v>0.32</v>
      </c>
      <c r="D53" s="94">
        <v>7.725552183808633E-2</v>
      </c>
      <c r="E53" s="123">
        <v>0.5</v>
      </c>
      <c r="F53" s="94">
        <v>8.2478609884232251E-2</v>
      </c>
      <c r="G53" s="123">
        <v>0.18</v>
      </c>
      <c r="H53" s="94">
        <v>6.4543813913010006E-2</v>
      </c>
      <c r="I53" s="124">
        <v>169</v>
      </c>
      <c r="J53" s="123">
        <v>0.05</v>
      </c>
      <c r="K53" s="94">
        <v>3.6225340232921052E-2</v>
      </c>
      <c r="L53" s="123">
        <v>0.33</v>
      </c>
      <c r="M53" s="123">
        <v>0.15</v>
      </c>
      <c r="N53" s="123">
        <v>0.47</v>
      </c>
      <c r="O53" s="94">
        <v>7.5897883534720892E-2</v>
      </c>
      <c r="P53" s="94">
        <v>5.5474672982133794E-2</v>
      </c>
    </row>
    <row r="54" spans="1:16">
      <c r="A54" s="49" t="s">
        <v>455</v>
      </c>
      <c r="B54" s="125">
        <v>123</v>
      </c>
      <c r="C54" s="126">
        <v>0.32</v>
      </c>
      <c r="D54" s="97">
        <v>8.3167377768954776E-2</v>
      </c>
      <c r="E54" s="126">
        <v>0.54</v>
      </c>
      <c r="F54" s="97">
        <v>8.8468901106217801E-2</v>
      </c>
      <c r="G54" s="126">
        <v>0.14000000000000001</v>
      </c>
      <c r="H54" s="97">
        <v>6.3601915503871759E-2</v>
      </c>
      <c r="I54" s="127">
        <v>146</v>
      </c>
      <c r="J54" s="126">
        <v>0.05</v>
      </c>
      <c r="K54" s="97">
        <v>3.9380536647773946E-2</v>
      </c>
      <c r="L54" s="126">
        <v>0.24</v>
      </c>
      <c r="M54" s="126">
        <v>0.18</v>
      </c>
      <c r="N54" s="126">
        <v>0.53</v>
      </c>
      <c r="O54" s="97">
        <v>8.1510303643159129E-2</v>
      </c>
      <c r="P54" s="97">
        <v>6.3872480366337331E-2</v>
      </c>
    </row>
    <row r="55" spans="1:16">
      <c r="A55" s="57" t="s">
        <v>444</v>
      </c>
      <c r="B55" s="122">
        <v>76</v>
      </c>
      <c r="C55" s="123">
        <v>0.3</v>
      </c>
      <c r="D55" s="94">
        <v>0.10341663309158734</v>
      </c>
      <c r="E55" s="123">
        <v>0.57999999999999996</v>
      </c>
      <c r="F55" s="94">
        <v>0.11050429855892485</v>
      </c>
      <c r="G55" s="123">
        <v>0.12</v>
      </c>
      <c r="H55" s="94">
        <v>7.735599524277352E-2</v>
      </c>
      <c r="I55" s="124">
        <v>86</v>
      </c>
      <c r="J55" s="123">
        <v>0.06</v>
      </c>
      <c r="K55" s="94">
        <v>5.7048310574187897E-2</v>
      </c>
      <c r="L55" s="123">
        <v>0.26</v>
      </c>
      <c r="M55" s="123">
        <v>0.15</v>
      </c>
      <c r="N55" s="123">
        <v>0.53</v>
      </c>
      <c r="O55" s="94">
        <v>0.1052358667675664</v>
      </c>
      <c r="P55" s="94">
        <v>7.8357276789005059E-2</v>
      </c>
    </row>
    <row r="56" spans="1:16">
      <c r="A56" s="49" t="s">
        <v>454</v>
      </c>
      <c r="B56" s="125">
        <v>218</v>
      </c>
      <c r="C56" s="126">
        <v>0.38</v>
      </c>
      <c r="D56" s="97">
        <v>6.5225077249696617E-2</v>
      </c>
      <c r="E56" s="126">
        <v>0.42</v>
      </c>
      <c r="F56" s="97">
        <v>6.6282028175431357E-2</v>
      </c>
      <c r="G56" s="126">
        <v>0.2</v>
      </c>
      <c r="H56" s="97">
        <v>5.422908113071729E-2</v>
      </c>
      <c r="I56" s="127">
        <v>256</v>
      </c>
      <c r="J56" s="126">
        <v>0.08</v>
      </c>
      <c r="K56" s="97">
        <v>3.4859264485025493E-2</v>
      </c>
      <c r="L56" s="126">
        <v>0.27</v>
      </c>
      <c r="M56" s="126">
        <v>0.2</v>
      </c>
      <c r="N56" s="126">
        <v>0.46</v>
      </c>
      <c r="O56" s="97">
        <v>6.1824671708482444E-2</v>
      </c>
      <c r="P56" s="97">
        <v>5.0038128384429593E-2</v>
      </c>
    </row>
    <row r="57" spans="1:16" ht="38.25">
      <c r="A57" s="57" t="s">
        <v>445</v>
      </c>
      <c r="B57" s="122">
        <v>98</v>
      </c>
      <c r="C57" s="123">
        <v>0.6</v>
      </c>
      <c r="D57" s="94">
        <v>9.7169537513501922E-2</v>
      </c>
      <c r="E57" s="123">
        <v>0.25</v>
      </c>
      <c r="F57" s="94">
        <v>8.684126693790227E-2</v>
      </c>
      <c r="G57" s="123">
        <v>0.15</v>
      </c>
      <c r="H57" s="94">
        <v>7.3276124045574639E-2</v>
      </c>
      <c r="I57" s="124">
        <v>111</v>
      </c>
      <c r="J57" s="123">
        <v>0.05</v>
      </c>
      <c r="K57" s="94">
        <v>4.6191271892853068E-2</v>
      </c>
      <c r="L57" s="123">
        <v>0.36</v>
      </c>
      <c r="M57" s="123">
        <v>0.12</v>
      </c>
      <c r="N57" s="123">
        <v>0.47</v>
      </c>
      <c r="O57" s="94">
        <v>9.3093972129852667E-2</v>
      </c>
      <c r="P57" s="94">
        <v>6.3374804473321458E-2</v>
      </c>
    </row>
    <row r="58" spans="1:16" ht="25.5">
      <c r="A58" s="49" t="s">
        <v>471</v>
      </c>
      <c r="B58" s="125">
        <v>75</v>
      </c>
      <c r="C58" s="126">
        <v>0.13</v>
      </c>
      <c r="D58" s="97">
        <v>8.0067162232813738E-2</v>
      </c>
      <c r="E58" s="126">
        <v>0.54</v>
      </c>
      <c r="F58" s="97">
        <v>0.11218382821014823</v>
      </c>
      <c r="G58" s="126">
        <v>0.32</v>
      </c>
      <c r="H58" s="97">
        <v>0.10573383086648587</v>
      </c>
      <c r="I58" s="127">
        <v>89</v>
      </c>
      <c r="J58" s="126">
        <v>0.05</v>
      </c>
      <c r="K58" s="97">
        <v>5.2688879917661205E-2</v>
      </c>
      <c r="L58" s="126">
        <v>0.21</v>
      </c>
      <c r="M58" s="126">
        <v>0.31</v>
      </c>
      <c r="N58" s="126">
        <v>0.44</v>
      </c>
      <c r="O58" s="97">
        <v>0.10300913785332975</v>
      </c>
      <c r="P58" s="97">
        <v>9.6595508267778088E-2</v>
      </c>
    </row>
    <row r="59" spans="1:16" ht="25.5">
      <c r="A59" s="57" t="s">
        <v>442</v>
      </c>
      <c r="B59" s="122">
        <v>96</v>
      </c>
      <c r="C59" s="123">
        <v>0.41</v>
      </c>
      <c r="D59" s="94">
        <v>9.8495693306864945E-2</v>
      </c>
      <c r="E59" s="123">
        <v>0.38</v>
      </c>
      <c r="F59" s="94">
        <v>9.730960075963728E-2</v>
      </c>
      <c r="G59" s="123">
        <v>0.22</v>
      </c>
      <c r="H59" s="94">
        <v>8.4320000000000006E-2</v>
      </c>
      <c r="I59" s="124">
        <v>113</v>
      </c>
      <c r="J59" s="123">
        <v>0.1</v>
      </c>
      <c r="K59" s="94">
        <v>5.8690309767036562E-2</v>
      </c>
      <c r="L59" s="123">
        <v>0.21</v>
      </c>
      <c r="M59" s="123">
        <v>0.16</v>
      </c>
      <c r="N59" s="123">
        <v>0.53</v>
      </c>
      <c r="O59" s="94">
        <v>9.2294676073553794E-2</v>
      </c>
      <c r="P59" s="94">
        <v>6.9717171661956831E-2</v>
      </c>
    </row>
    <row r="61" spans="1:16" ht="18.75">
      <c r="A61" s="367" t="s">
        <v>36</v>
      </c>
      <c r="B61" s="367"/>
      <c r="C61" s="367"/>
      <c r="D61" s="367"/>
      <c r="E61" s="367"/>
      <c r="F61" s="367"/>
      <c r="G61" s="367"/>
      <c r="H61" s="367"/>
    </row>
    <row r="62" spans="1:16" ht="69.75" customHeight="1">
      <c r="A62" s="391" t="s">
        <v>391</v>
      </c>
      <c r="B62" s="391"/>
      <c r="C62" s="391"/>
      <c r="D62" s="391"/>
      <c r="E62" s="391"/>
      <c r="F62" s="391"/>
      <c r="G62" s="391"/>
      <c r="H62" s="391"/>
    </row>
    <row r="63" spans="1:16" ht="40.5" customHeight="1">
      <c r="A63" s="109"/>
      <c r="B63" s="389" t="s">
        <v>408</v>
      </c>
      <c r="C63" s="390"/>
      <c r="D63" s="390"/>
      <c r="E63" s="390"/>
      <c r="F63" s="390"/>
      <c r="G63" s="390"/>
      <c r="H63" s="390"/>
    </row>
    <row r="64" spans="1:16" ht="39" customHeight="1">
      <c r="A64" s="37" t="s">
        <v>85</v>
      </c>
      <c r="B64" s="38" t="s">
        <v>86</v>
      </c>
      <c r="C64" s="65" t="s">
        <v>219</v>
      </c>
      <c r="D64" s="88" t="s">
        <v>132</v>
      </c>
      <c r="E64" s="65" t="s">
        <v>220</v>
      </c>
      <c r="F64" s="88" t="s">
        <v>332</v>
      </c>
      <c r="G64" s="65" t="s">
        <v>221</v>
      </c>
      <c r="H64" s="88" t="s">
        <v>333</v>
      </c>
    </row>
    <row r="65" spans="1:8" ht="60">
      <c r="A65" s="41"/>
      <c r="B65" s="42" t="s">
        <v>89</v>
      </c>
      <c r="C65" s="282" t="s">
        <v>201</v>
      </c>
      <c r="D65" s="90" t="s">
        <v>104</v>
      </c>
      <c r="E65" s="68" t="s">
        <v>216</v>
      </c>
      <c r="F65" s="90" t="s">
        <v>104</v>
      </c>
      <c r="G65" s="68" t="s">
        <v>217</v>
      </c>
      <c r="H65" s="90" t="s">
        <v>104</v>
      </c>
    </row>
    <row r="66" spans="1:8">
      <c r="A66" s="45" t="s">
        <v>430</v>
      </c>
      <c r="B66" s="129">
        <v>8997</v>
      </c>
      <c r="C66" s="123">
        <v>0.56000000000000005</v>
      </c>
      <c r="D66" s="94">
        <v>1.0464242263632699E-2</v>
      </c>
      <c r="E66" s="123">
        <v>0.22</v>
      </c>
      <c r="F66" s="94">
        <v>8.7343661825739962E-3</v>
      </c>
      <c r="G66" s="123">
        <v>0.22</v>
      </c>
      <c r="H66" s="94">
        <v>8.7343661825739962E-3</v>
      </c>
    </row>
    <row r="67" spans="1:8">
      <c r="A67" s="49" t="s">
        <v>431</v>
      </c>
      <c r="B67" s="49">
        <v>8387</v>
      </c>
      <c r="C67" s="126">
        <v>0.56000000000000005</v>
      </c>
      <c r="D67" s="97">
        <v>1.0837934223118812E-2</v>
      </c>
      <c r="E67" s="126">
        <v>0.22</v>
      </c>
      <c r="F67" s="97">
        <v>9.0464111124660667E-3</v>
      </c>
      <c r="G67" s="126">
        <v>0.22</v>
      </c>
      <c r="H67" s="97">
        <v>9.0464111124660667E-3</v>
      </c>
    </row>
    <row r="68" spans="1:8">
      <c r="A68" s="45" t="s">
        <v>432</v>
      </c>
      <c r="B68" s="53">
        <v>802</v>
      </c>
      <c r="C68" s="123">
        <v>0.47499999999999998</v>
      </c>
      <c r="D68" s="94">
        <v>3.5179877233827088E-2</v>
      </c>
      <c r="E68" s="123">
        <v>0.246</v>
      </c>
      <c r="F68" s="94">
        <v>3.0392206159740576E-2</v>
      </c>
      <c r="G68" s="123">
        <v>0.28000000000000003</v>
      </c>
      <c r="H68" s="94">
        <v>3.1668193291585024E-2</v>
      </c>
    </row>
    <row r="69" spans="1:8">
      <c r="A69" s="49" t="s">
        <v>433</v>
      </c>
      <c r="B69" s="49">
        <v>100</v>
      </c>
      <c r="C69" s="126">
        <v>0.5</v>
      </c>
      <c r="D69" s="97">
        <v>9.8058067569092022E-2</v>
      </c>
      <c r="E69" s="126">
        <v>0.23</v>
      </c>
      <c r="F69" s="97">
        <v>8.3803766225034465E-2</v>
      </c>
      <c r="G69" s="126">
        <v>0.27</v>
      </c>
      <c r="H69" s="97">
        <v>8.794468898368428E-2</v>
      </c>
    </row>
    <row r="70" spans="1:8">
      <c r="A70" s="45" t="s">
        <v>434</v>
      </c>
      <c r="B70" s="53">
        <v>2483</v>
      </c>
      <c r="C70" s="123">
        <v>0.59</v>
      </c>
      <c r="D70" s="94">
        <v>1.9725744631391595E-2</v>
      </c>
      <c r="E70" s="123">
        <v>0.21</v>
      </c>
      <c r="F70" s="94">
        <v>1.6348157646722875E-2</v>
      </c>
      <c r="G70" s="123">
        <v>0.2</v>
      </c>
      <c r="H70" s="94">
        <v>1.605625778111603E-2</v>
      </c>
    </row>
    <row r="71" spans="1:8">
      <c r="A71" s="49" t="s">
        <v>435</v>
      </c>
      <c r="B71" s="49">
        <v>2422</v>
      </c>
      <c r="C71" s="126">
        <v>0.59099999999999997</v>
      </c>
      <c r="D71" s="97">
        <v>1.9964778755340626E-2</v>
      </c>
      <c r="E71" s="126">
        <v>0.217</v>
      </c>
      <c r="F71" s="97">
        <v>1.6750675664014031E-2</v>
      </c>
      <c r="G71" s="126">
        <v>0.192</v>
      </c>
      <c r="H71" s="97">
        <v>1.6009506991546126E-2</v>
      </c>
    </row>
    <row r="72" spans="1:8">
      <c r="A72" s="45" t="s">
        <v>452</v>
      </c>
      <c r="B72" s="53">
        <v>47</v>
      </c>
      <c r="C72" s="123">
        <v>0.42</v>
      </c>
      <c r="D72" s="94">
        <v>0.13849741332485002</v>
      </c>
      <c r="E72" s="123">
        <v>0.25</v>
      </c>
      <c r="F72" s="94">
        <v>0.12427655878413298</v>
      </c>
      <c r="G72" s="123">
        <v>0.34</v>
      </c>
      <c r="H72" s="94">
        <v>0.13380061501701959</v>
      </c>
    </row>
    <row r="73" spans="1:8">
      <c r="A73" s="49" t="s">
        <v>172</v>
      </c>
      <c r="B73" s="49">
        <v>233</v>
      </c>
      <c r="C73" s="126">
        <v>0.7</v>
      </c>
      <c r="D73" s="97">
        <v>5.9723528540695028E-2</v>
      </c>
      <c r="E73" s="126">
        <v>0.15</v>
      </c>
      <c r="F73" s="97">
        <v>4.7128538910287357E-2</v>
      </c>
      <c r="G73" s="126">
        <v>0.16</v>
      </c>
      <c r="H73" s="97">
        <v>4.8307939875358051E-2</v>
      </c>
    </row>
    <row r="74" spans="1:8" ht="25.5">
      <c r="A74" s="45" t="s">
        <v>436</v>
      </c>
      <c r="B74" s="53">
        <v>95</v>
      </c>
      <c r="C74" s="123">
        <v>0.66</v>
      </c>
      <c r="D74" s="94">
        <v>9.5648112489578954E-2</v>
      </c>
      <c r="E74" s="123">
        <v>0.16</v>
      </c>
      <c r="F74" s="94">
        <v>7.6158446928453694E-2</v>
      </c>
      <c r="G74" s="123">
        <v>0.17</v>
      </c>
      <c r="H74" s="94">
        <v>7.7777777777777779E-2</v>
      </c>
    </row>
    <row r="75" spans="1:8" ht="25.5">
      <c r="A75" s="49" t="s">
        <v>437</v>
      </c>
      <c r="B75" s="49">
        <v>112</v>
      </c>
      <c r="C75" s="126">
        <v>0.7</v>
      </c>
      <c r="D75" s="97">
        <v>8.5643821015108743E-2</v>
      </c>
      <c r="E75" s="126">
        <v>0.12</v>
      </c>
      <c r="F75" s="97">
        <v>6.3078200052200384E-2</v>
      </c>
      <c r="G75" s="126">
        <v>0.18</v>
      </c>
      <c r="H75" s="97">
        <v>7.299983683396194E-2</v>
      </c>
    </row>
    <row r="76" spans="1:8">
      <c r="A76" s="45" t="s">
        <v>453</v>
      </c>
      <c r="B76" s="129">
        <v>524</v>
      </c>
      <c r="C76" s="123">
        <v>0.59</v>
      </c>
      <c r="D76" s="94">
        <v>4.2819411344082535E-2</v>
      </c>
      <c r="E76" s="123">
        <v>0.22</v>
      </c>
      <c r="F76" s="94">
        <v>3.6179621256939284E-2</v>
      </c>
      <c r="G76" s="123">
        <v>0.19</v>
      </c>
      <c r="H76" s="94">
        <v>3.4305948024886145E-2</v>
      </c>
    </row>
    <row r="77" spans="1:8" ht="25.5">
      <c r="A77" s="49" t="s">
        <v>438</v>
      </c>
      <c r="B77" s="131">
        <v>76</v>
      </c>
      <c r="C77" s="126">
        <v>0.61</v>
      </c>
      <c r="D77" s="97">
        <v>0.10933429242465513</v>
      </c>
      <c r="E77" s="126">
        <v>0.21</v>
      </c>
      <c r="F77" s="97">
        <v>9.3300522506575501E-2</v>
      </c>
      <c r="G77" s="126">
        <v>0.19</v>
      </c>
      <c r="H77" s="97">
        <v>9.035201989994468E-2</v>
      </c>
    </row>
    <row r="78" spans="1:8" ht="25.5">
      <c r="A78" s="45" t="s">
        <v>439</v>
      </c>
      <c r="B78" s="83">
        <v>77</v>
      </c>
      <c r="C78" s="98">
        <v>0.63</v>
      </c>
      <c r="D78" s="94">
        <v>0.10766383956219011</v>
      </c>
      <c r="E78" s="98">
        <v>0.12</v>
      </c>
      <c r="F78" s="94">
        <v>7.6822574792109785E-2</v>
      </c>
      <c r="G78" s="98">
        <v>0.24</v>
      </c>
      <c r="H78" s="94">
        <v>9.6586605489866043E-2</v>
      </c>
    </row>
    <row r="79" spans="1:8">
      <c r="A79" s="49" t="s">
        <v>440</v>
      </c>
      <c r="B79" s="131">
        <v>77</v>
      </c>
      <c r="C79" s="126">
        <v>0.5</v>
      </c>
      <c r="D79" s="97">
        <v>0.1111111111111111</v>
      </c>
      <c r="E79" s="126">
        <v>0.31</v>
      </c>
      <c r="F79" s="97">
        <v>0.10360833102932208</v>
      </c>
      <c r="G79" s="126">
        <v>0.18</v>
      </c>
      <c r="H79" s="97">
        <v>8.8181592159917666E-2</v>
      </c>
    </row>
    <row r="80" spans="1:8">
      <c r="A80" s="57" t="s">
        <v>441</v>
      </c>
      <c r="B80" s="129">
        <v>73</v>
      </c>
      <c r="C80" s="123">
        <v>0.6</v>
      </c>
      <c r="D80" s="94">
        <v>0.11189326431637418</v>
      </c>
      <c r="E80" s="123">
        <v>0.26</v>
      </c>
      <c r="F80" s="94">
        <v>0.10147713611554227</v>
      </c>
      <c r="G80" s="123">
        <v>0.14000000000000001</v>
      </c>
      <c r="H80" s="94">
        <v>8.3281776897538767E-2</v>
      </c>
    </row>
    <row r="81" spans="1:8" ht="25.5">
      <c r="A81" s="49" t="s">
        <v>442</v>
      </c>
      <c r="B81" s="131">
        <v>111</v>
      </c>
      <c r="C81" s="126">
        <v>0.63</v>
      </c>
      <c r="D81" s="97">
        <v>9.0266312469973714E-2</v>
      </c>
      <c r="E81" s="126">
        <v>0.13</v>
      </c>
      <c r="F81" s="97">
        <v>6.5264106268496172E-2</v>
      </c>
      <c r="G81" s="126">
        <v>0.24</v>
      </c>
      <c r="H81" s="97">
        <v>8.0654027462790739E-2</v>
      </c>
    </row>
    <row r="82" spans="1:8">
      <c r="A82" s="57" t="s">
        <v>443</v>
      </c>
      <c r="B82" s="129">
        <v>164</v>
      </c>
      <c r="C82" s="123">
        <v>0.57999999999999996</v>
      </c>
      <c r="D82" s="94">
        <v>7.6204788905080048E-2</v>
      </c>
      <c r="E82" s="123">
        <v>0.21</v>
      </c>
      <c r="F82" s="94">
        <v>6.3594153326611572E-2</v>
      </c>
      <c r="G82" s="123">
        <v>0.21</v>
      </c>
      <c r="H82" s="94">
        <v>6.3594153326611572E-2</v>
      </c>
    </row>
    <row r="83" spans="1:8">
      <c r="A83" s="49" t="s">
        <v>455</v>
      </c>
      <c r="B83" s="131">
        <v>137</v>
      </c>
      <c r="C83" s="126">
        <v>0.62</v>
      </c>
      <c r="D83" s="97">
        <v>8.1893449598597026E-2</v>
      </c>
      <c r="E83" s="126">
        <v>0.2</v>
      </c>
      <c r="F83" s="97">
        <v>6.8423784180252037E-2</v>
      </c>
      <c r="G83" s="126">
        <v>0.19</v>
      </c>
      <c r="H83" s="97">
        <v>6.7219370328716735E-2</v>
      </c>
    </row>
    <row r="84" spans="1:8">
      <c r="A84" s="57" t="s">
        <v>444</v>
      </c>
      <c r="B84" s="129">
        <v>84</v>
      </c>
      <c r="C84" s="123">
        <v>0.56000000000000005</v>
      </c>
      <c r="D84" s="94">
        <v>0.10589871548511552</v>
      </c>
      <c r="E84" s="123">
        <v>0.22</v>
      </c>
      <c r="F84" s="94">
        <v>9.0092197537300231E-2</v>
      </c>
      <c r="G84" s="123">
        <v>0.22</v>
      </c>
      <c r="H84" s="94">
        <v>9.0092197537300231E-2</v>
      </c>
    </row>
    <row r="85" spans="1:8">
      <c r="A85" s="49" t="s">
        <v>454</v>
      </c>
      <c r="B85" s="131">
        <v>247</v>
      </c>
      <c r="C85" s="126">
        <v>0.52</v>
      </c>
      <c r="D85" s="97">
        <v>6.3070522397635775E-2</v>
      </c>
      <c r="E85" s="126">
        <v>0.22</v>
      </c>
      <c r="F85" s="97">
        <v>5.2670348785707921E-2</v>
      </c>
      <c r="G85" s="126">
        <v>0.26</v>
      </c>
      <c r="H85" s="97">
        <v>5.5634153320499126E-2</v>
      </c>
    </row>
    <row r="86" spans="1:8" ht="38.25">
      <c r="A86" s="57" t="s">
        <v>445</v>
      </c>
      <c r="B86" s="129">
        <v>106</v>
      </c>
      <c r="C86" s="123">
        <v>0.49</v>
      </c>
      <c r="D86" s="94">
        <v>9.5328549667284448E-2</v>
      </c>
      <c r="E86" s="123">
        <v>0.3</v>
      </c>
      <c r="F86" s="94">
        <v>8.7978550763468874E-2</v>
      </c>
      <c r="G86" s="123">
        <v>0.21</v>
      </c>
      <c r="H86" s="94">
        <v>7.9063876828064761E-2</v>
      </c>
    </row>
    <row r="87" spans="1:8" ht="25.5">
      <c r="A87" s="49" t="s">
        <v>471</v>
      </c>
      <c r="B87" s="131">
        <v>87</v>
      </c>
      <c r="C87" s="126">
        <v>0.59</v>
      </c>
      <c r="D87" s="97">
        <v>0.10326460998797934</v>
      </c>
      <c r="E87" s="126">
        <v>0.19</v>
      </c>
      <c r="F87" s="97">
        <v>8.4427659024504942E-2</v>
      </c>
      <c r="G87" s="126">
        <v>0.22</v>
      </c>
      <c r="H87" s="97">
        <v>8.8539015650795055E-2</v>
      </c>
    </row>
    <row r="88" spans="1:8" ht="25.5">
      <c r="A88" s="57" t="s">
        <v>442</v>
      </c>
      <c r="B88" s="129">
        <v>111</v>
      </c>
      <c r="C88" s="123">
        <v>0.63</v>
      </c>
      <c r="D88" s="94">
        <v>9.0266312469973714E-2</v>
      </c>
      <c r="E88" s="123">
        <v>0.13</v>
      </c>
      <c r="F88" s="94">
        <v>6.5264106268496172E-2</v>
      </c>
      <c r="G88" s="123">
        <v>0.24</v>
      </c>
      <c r="H88" s="94">
        <v>8.0654027462790739E-2</v>
      </c>
    </row>
    <row r="90" spans="1:8" ht="18.75">
      <c r="A90" s="367" t="s">
        <v>10</v>
      </c>
      <c r="B90" s="367"/>
      <c r="C90" s="367"/>
      <c r="D90" s="367"/>
    </row>
    <row r="91" spans="1:8" ht="123.75" customHeight="1">
      <c r="A91" s="385" t="s">
        <v>488</v>
      </c>
      <c r="B91" s="385"/>
      <c r="C91" s="385"/>
      <c r="D91" s="385"/>
    </row>
    <row r="92" spans="1:8" ht="37.5" customHeight="1">
      <c r="A92" s="384" t="s">
        <v>133</v>
      </c>
      <c r="B92" s="384"/>
      <c r="C92" s="384"/>
      <c r="D92" s="384"/>
    </row>
    <row r="93" spans="1:8" ht="36" customHeight="1">
      <c r="A93" s="37" t="s">
        <v>85</v>
      </c>
      <c r="B93" s="38" t="s">
        <v>86</v>
      </c>
      <c r="C93" s="39" t="s">
        <v>87</v>
      </c>
      <c r="D93" s="40" t="s">
        <v>88</v>
      </c>
    </row>
    <row r="94" spans="1:8" ht="60">
      <c r="A94" s="41"/>
      <c r="B94" s="42" t="s">
        <v>89</v>
      </c>
      <c r="C94" s="43" t="s">
        <v>134</v>
      </c>
      <c r="D94" s="44" t="s">
        <v>91</v>
      </c>
    </row>
    <row r="95" spans="1:8">
      <c r="A95" s="45" t="s">
        <v>430</v>
      </c>
      <c r="B95" s="133">
        <v>11074</v>
      </c>
      <c r="C95" s="134">
        <v>3.58</v>
      </c>
      <c r="D95" s="135">
        <v>1.9599999999999999E-2</v>
      </c>
    </row>
    <row r="96" spans="1:8">
      <c r="A96" s="49" t="s">
        <v>431</v>
      </c>
      <c r="B96" s="49">
        <v>8741</v>
      </c>
      <c r="C96" s="137">
        <v>3.534729</v>
      </c>
      <c r="D96" s="138">
        <v>2.8834931999999997E-2</v>
      </c>
    </row>
    <row r="97" spans="1:4">
      <c r="A97" s="45" t="s">
        <v>432</v>
      </c>
      <c r="B97" s="53">
        <v>836</v>
      </c>
      <c r="C97" s="134">
        <v>3.51</v>
      </c>
      <c r="D97" s="135">
        <v>9.8000000000000004E-2</v>
      </c>
    </row>
    <row r="98" spans="1:4">
      <c r="A98" s="49" t="s">
        <v>433</v>
      </c>
      <c r="B98" s="49">
        <v>133</v>
      </c>
      <c r="C98" s="137">
        <v>3.55</v>
      </c>
      <c r="D98" s="138">
        <v>0.25480000000000003</v>
      </c>
    </row>
    <row r="99" spans="1:4">
      <c r="A99" s="45" t="s">
        <v>434</v>
      </c>
      <c r="B99" s="53">
        <v>3090</v>
      </c>
      <c r="C99" s="134">
        <v>3.76</v>
      </c>
      <c r="D99" s="135">
        <v>5.8799999999999998E-2</v>
      </c>
    </row>
    <row r="100" spans="1:4">
      <c r="A100" s="49" t="s">
        <v>435</v>
      </c>
      <c r="B100" s="49">
        <v>2488</v>
      </c>
      <c r="C100" s="137">
        <v>3.79</v>
      </c>
      <c r="D100" s="138">
        <v>5.8799999999999998E-2</v>
      </c>
    </row>
    <row r="101" spans="1:4">
      <c r="A101" s="45" t="s">
        <v>452</v>
      </c>
      <c r="B101" s="53">
        <v>93</v>
      </c>
      <c r="C101" s="134">
        <v>3.28</v>
      </c>
      <c r="D101" s="135">
        <v>0.37240000000000001</v>
      </c>
    </row>
    <row r="102" spans="1:4">
      <c r="A102" s="49" t="s">
        <v>172</v>
      </c>
      <c r="B102" s="49">
        <v>246</v>
      </c>
      <c r="C102" s="137">
        <v>4.07</v>
      </c>
      <c r="D102" s="138">
        <v>0.1764</v>
      </c>
    </row>
    <row r="103" spans="1:4" ht="25.5">
      <c r="A103" s="45" t="s">
        <v>436</v>
      </c>
      <c r="B103" s="53">
        <v>97</v>
      </c>
      <c r="C103" s="134">
        <v>3.7</v>
      </c>
      <c r="D103" s="135">
        <v>0.27440000000000003</v>
      </c>
    </row>
    <row r="104" spans="1:4" ht="25.5">
      <c r="A104" s="49" t="s">
        <v>437</v>
      </c>
      <c r="B104" s="49">
        <v>116</v>
      </c>
      <c r="C104" s="137">
        <v>3.99</v>
      </c>
      <c r="D104" s="138">
        <v>0.23519999999999999</v>
      </c>
    </row>
    <row r="105" spans="1:4">
      <c r="A105" s="45" t="s">
        <v>453</v>
      </c>
      <c r="B105" s="133">
        <v>545</v>
      </c>
      <c r="C105" s="134">
        <v>4.0999999999999996</v>
      </c>
      <c r="D105" s="135">
        <v>0.1176</v>
      </c>
    </row>
    <row r="106" spans="1:4" ht="25.5">
      <c r="A106" s="49" t="s">
        <v>438</v>
      </c>
      <c r="B106" s="136">
        <v>82</v>
      </c>
      <c r="C106" s="137">
        <v>3.46</v>
      </c>
      <c r="D106" s="138">
        <v>0.29399999999999998</v>
      </c>
    </row>
    <row r="107" spans="1:4" ht="25.5">
      <c r="A107" s="45" t="s">
        <v>439</v>
      </c>
      <c r="B107" s="83">
        <v>80</v>
      </c>
      <c r="C107" s="84">
        <v>3.95</v>
      </c>
      <c r="D107" s="135">
        <v>0.31359999999999999</v>
      </c>
    </row>
    <row r="108" spans="1:4">
      <c r="A108" s="49" t="s">
        <v>440</v>
      </c>
      <c r="B108" s="136">
        <v>79</v>
      </c>
      <c r="C108" s="137">
        <v>4.33</v>
      </c>
      <c r="D108" s="138">
        <v>0.27440000000000003</v>
      </c>
    </row>
    <row r="109" spans="1:4">
      <c r="A109" s="57" t="s">
        <v>441</v>
      </c>
      <c r="B109" s="133">
        <v>75</v>
      </c>
      <c r="C109" s="134">
        <v>4.87</v>
      </c>
      <c r="D109" s="135">
        <v>0.31359999999999999</v>
      </c>
    </row>
    <row r="110" spans="1:4" ht="25.5">
      <c r="A110" s="49" t="s">
        <v>442</v>
      </c>
      <c r="B110" s="136">
        <v>114</v>
      </c>
      <c r="C110" s="137">
        <v>3.19</v>
      </c>
      <c r="D110" s="138">
        <v>0.29399999999999998</v>
      </c>
    </row>
    <row r="111" spans="1:4">
      <c r="A111" s="57" t="s">
        <v>443</v>
      </c>
      <c r="B111" s="133">
        <v>171</v>
      </c>
      <c r="C111" s="134">
        <v>4.03</v>
      </c>
      <c r="D111" s="135">
        <v>0.21559999999999999</v>
      </c>
    </row>
    <row r="112" spans="1:4">
      <c r="A112" s="49" t="s">
        <v>455</v>
      </c>
      <c r="B112" s="136">
        <v>150</v>
      </c>
      <c r="C112" s="137">
        <v>3.14</v>
      </c>
      <c r="D112" s="138">
        <v>0.19600000000000001</v>
      </c>
    </row>
    <row r="113" spans="1:30">
      <c r="A113" s="57" t="s">
        <v>444</v>
      </c>
      <c r="B113" s="133">
        <v>89</v>
      </c>
      <c r="C113" s="134">
        <v>2.94</v>
      </c>
      <c r="D113" s="135">
        <v>0.25480000000000003</v>
      </c>
    </row>
    <row r="114" spans="1:30">
      <c r="A114" s="49" t="s">
        <v>454</v>
      </c>
      <c r="B114" s="136">
        <v>259</v>
      </c>
      <c r="C114" s="137">
        <v>3.3</v>
      </c>
      <c r="D114" s="138">
        <v>0.1764</v>
      </c>
    </row>
    <row r="115" spans="1:30" ht="38.25">
      <c r="A115" s="57" t="s">
        <v>445</v>
      </c>
      <c r="B115" s="133">
        <v>112</v>
      </c>
      <c r="C115" s="134">
        <v>3.46</v>
      </c>
      <c r="D115" s="135">
        <v>0.27440000000000003</v>
      </c>
    </row>
    <row r="116" spans="1:30" ht="25.5">
      <c r="A116" s="49" t="s">
        <v>471</v>
      </c>
      <c r="B116" s="136">
        <v>91</v>
      </c>
      <c r="C116" s="137">
        <v>3.44</v>
      </c>
      <c r="D116" s="138">
        <v>0.23519999999999999</v>
      </c>
      <c r="P116" s="258"/>
      <c r="Q116" s="258"/>
      <c r="R116" s="258"/>
      <c r="S116" s="258"/>
      <c r="T116" s="258"/>
      <c r="U116" s="258"/>
      <c r="V116" s="258"/>
      <c r="W116" s="258"/>
      <c r="X116" s="258"/>
      <c r="Y116" s="258"/>
      <c r="Z116" s="258"/>
      <c r="AA116" s="258"/>
      <c r="AB116" s="258"/>
      <c r="AC116" s="258"/>
      <c r="AD116" s="258"/>
    </row>
    <row r="117" spans="1:30" ht="25.5">
      <c r="A117" s="57" t="s">
        <v>442</v>
      </c>
      <c r="B117" s="133">
        <v>114</v>
      </c>
      <c r="C117" s="134">
        <v>3.19</v>
      </c>
      <c r="D117" s="135">
        <v>0.29399999999999998</v>
      </c>
    </row>
    <row r="118" spans="1:30">
      <c r="P118" s="258"/>
      <c r="Q118" s="258"/>
      <c r="R118" s="258"/>
      <c r="S118" s="258"/>
      <c r="T118" s="258"/>
      <c r="U118" s="258"/>
      <c r="V118" s="258"/>
      <c r="W118" s="258"/>
      <c r="X118" s="258"/>
      <c r="Y118" s="258"/>
      <c r="Z118" s="258"/>
      <c r="AA118" s="258"/>
      <c r="AB118" s="258"/>
      <c r="AC118" s="258"/>
      <c r="AD118" s="258"/>
    </row>
    <row r="119" spans="1:30" ht="18.75">
      <c r="A119" s="368" t="s">
        <v>37</v>
      </c>
      <c r="B119" s="368"/>
      <c r="C119" s="368"/>
      <c r="D119" s="368"/>
      <c r="E119" s="368"/>
      <c r="F119" s="368"/>
      <c r="G119" s="368"/>
      <c r="H119" s="368"/>
      <c r="I119" s="368"/>
      <c r="J119" s="368"/>
      <c r="K119" s="368"/>
      <c r="L119" s="368"/>
      <c r="M119" s="368"/>
      <c r="N119" s="368"/>
      <c r="O119" s="368"/>
      <c r="P119" s="368"/>
      <c r="Q119" s="368"/>
      <c r="R119" s="368"/>
      <c r="S119" s="368"/>
      <c r="T119" s="236"/>
      <c r="U119" s="236"/>
      <c r="V119" s="236"/>
      <c r="W119" s="236"/>
      <c r="X119" s="236"/>
      <c r="Y119" s="236"/>
      <c r="Z119" s="236"/>
      <c r="AA119" s="236"/>
      <c r="AB119" s="258"/>
    </row>
    <row r="120" spans="1:30" ht="72" customHeight="1">
      <c r="A120" s="392" t="s">
        <v>383</v>
      </c>
      <c r="B120" s="392"/>
      <c r="C120" s="392"/>
      <c r="D120" s="392"/>
      <c r="E120" s="392"/>
      <c r="F120" s="392"/>
      <c r="G120" s="392"/>
      <c r="H120" s="392"/>
      <c r="I120" s="392"/>
      <c r="J120" s="392"/>
      <c r="K120" s="392"/>
      <c r="L120" s="392"/>
      <c r="M120" s="392"/>
      <c r="N120" s="392"/>
      <c r="O120" s="392"/>
      <c r="P120" s="392"/>
      <c r="Q120" s="392"/>
      <c r="R120" s="392"/>
      <c r="S120" s="392"/>
      <c r="T120" s="239"/>
      <c r="U120" s="239"/>
      <c r="V120" s="239"/>
      <c r="W120" s="239"/>
      <c r="X120" s="239"/>
      <c r="Y120" s="239"/>
      <c r="Z120" s="239"/>
      <c r="AA120" s="239"/>
      <c r="AB120" s="258"/>
    </row>
    <row r="121" spans="1:30" ht="41.25" customHeight="1">
      <c r="A121" s="64"/>
      <c r="B121" s="395" t="s">
        <v>246</v>
      </c>
      <c r="C121" s="396"/>
      <c r="D121" s="396"/>
      <c r="E121" s="396"/>
      <c r="F121" s="396"/>
      <c r="G121" s="396"/>
      <c r="H121" s="396"/>
      <c r="I121" s="396"/>
      <c r="J121" s="397"/>
      <c r="K121" s="393" t="s">
        <v>218</v>
      </c>
      <c r="L121" s="394"/>
      <c r="M121" s="394"/>
      <c r="N121" s="394"/>
      <c r="O121" s="394"/>
      <c r="P121" s="394"/>
      <c r="Q121" s="394"/>
      <c r="R121" s="394"/>
      <c r="S121" s="394"/>
      <c r="T121" s="258"/>
      <c r="U121" s="258"/>
      <c r="V121" s="258"/>
      <c r="W121" s="258"/>
      <c r="X121" s="258"/>
      <c r="Y121" s="258"/>
      <c r="Z121" s="258"/>
      <c r="AA121" s="258"/>
      <c r="AB121" s="258"/>
    </row>
    <row r="122" spans="1:30" ht="40.5" customHeight="1">
      <c r="A122" s="37" t="s">
        <v>85</v>
      </c>
      <c r="B122" s="38" t="s">
        <v>86</v>
      </c>
      <c r="C122" s="38" t="s">
        <v>179</v>
      </c>
      <c r="D122" s="89" t="s">
        <v>101</v>
      </c>
      <c r="E122" s="38" t="s">
        <v>180</v>
      </c>
      <c r="F122" s="89" t="s">
        <v>102</v>
      </c>
      <c r="G122" s="38" t="s">
        <v>181</v>
      </c>
      <c r="H122" s="89" t="s">
        <v>103</v>
      </c>
      <c r="I122" s="38" t="s">
        <v>356</v>
      </c>
      <c r="J122" s="89" t="s">
        <v>355</v>
      </c>
      <c r="K122" s="65" t="s">
        <v>86</v>
      </c>
      <c r="L122" s="65" t="s">
        <v>179</v>
      </c>
      <c r="M122" s="88" t="s">
        <v>101</v>
      </c>
      <c r="N122" s="65" t="s">
        <v>180</v>
      </c>
      <c r="O122" s="88" t="s">
        <v>102</v>
      </c>
      <c r="P122" s="65" t="s">
        <v>181</v>
      </c>
      <c r="Q122" s="88" t="s">
        <v>103</v>
      </c>
      <c r="R122" s="65" t="s">
        <v>356</v>
      </c>
      <c r="S122" s="88" t="s">
        <v>355</v>
      </c>
    </row>
    <row r="123" spans="1:30" ht="66" customHeight="1">
      <c r="A123" s="41"/>
      <c r="B123" s="42" t="s">
        <v>89</v>
      </c>
      <c r="C123" s="42" t="s">
        <v>182</v>
      </c>
      <c r="D123" s="91" t="s">
        <v>104</v>
      </c>
      <c r="E123" s="42" t="s">
        <v>183</v>
      </c>
      <c r="F123" s="91" t="s">
        <v>104</v>
      </c>
      <c r="G123" s="42" t="s">
        <v>184</v>
      </c>
      <c r="H123" s="91" t="s">
        <v>104</v>
      </c>
      <c r="I123" s="42" t="s">
        <v>356</v>
      </c>
      <c r="J123" s="91" t="s">
        <v>104</v>
      </c>
      <c r="K123" s="68" t="s">
        <v>89</v>
      </c>
      <c r="L123" s="68" t="s">
        <v>182</v>
      </c>
      <c r="M123" s="90" t="s">
        <v>104</v>
      </c>
      <c r="N123" s="68" t="s">
        <v>183</v>
      </c>
      <c r="O123" s="90" t="s">
        <v>104</v>
      </c>
      <c r="P123" s="68" t="s">
        <v>184</v>
      </c>
      <c r="Q123" s="90" t="s">
        <v>104</v>
      </c>
      <c r="R123" s="68" t="s">
        <v>356</v>
      </c>
      <c r="S123" s="90" t="s">
        <v>104</v>
      </c>
    </row>
    <row r="124" spans="1:30">
      <c r="A124" s="45" t="s">
        <v>430</v>
      </c>
      <c r="B124" s="139">
        <v>9369</v>
      </c>
      <c r="C124" s="140">
        <v>0.37</v>
      </c>
      <c r="D124" s="94">
        <v>9.9741353621355475E-3</v>
      </c>
      <c r="E124" s="140">
        <v>0.221</v>
      </c>
      <c r="F124" s="94">
        <v>8.5731282152094537E-3</v>
      </c>
      <c r="G124" s="140">
        <v>0.40600000000000003</v>
      </c>
      <c r="H124" s="94">
        <v>1.0145038873403799E-2</v>
      </c>
      <c r="I124" s="140">
        <v>3.0000000000000001E-3</v>
      </c>
      <c r="J124" s="94">
        <v>1.1689246013616803E-3</v>
      </c>
      <c r="K124" s="139">
        <v>9309</v>
      </c>
      <c r="L124" s="140">
        <v>0.56100000000000005</v>
      </c>
      <c r="M124" s="94">
        <v>1.0284938582580939E-2</v>
      </c>
      <c r="N124" s="140">
        <v>0.153</v>
      </c>
      <c r="O124" s="94">
        <v>7.4635564944022306E-3</v>
      </c>
      <c r="P124" s="140">
        <v>0.17199999999999999</v>
      </c>
      <c r="Q124" s="94">
        <v>7.823578070147828E-3</v>
      </c>
      <c r="R124" s="140">
        <v>0.114</v>
      </c>
      <c r="S124" s="94">
        <v>6.5906676373308224E-3</v>
      </c>
    </row>
    <row r="125" spans="1:30">
      <c r="A125" s="49" t="s">
        <v>431</v>
      </c>
      <c r="B125" s="141">
        <v>8729</v>
      </c>
      <c r="C125" s="142">
        <v>0.37375328790127532</v>
      </c>
      <c r="D125" s="97">
        <v>1.0354450295772881E-2</v>
      </c>
      <c r="E125" s="142">
        <v>0.21759286025718899</v>
      </c>
      <c r="F125" s="97">
        <v>8.8324285743558578E-3</v>
      </c>
      <c r="G125" s="142">
        <v>0.40625327016899487</v>
      </c>
      <c r="H125" s="97">
        <v>1.0511254749015609E-2</v>
      </c>
      <c r="I125" s="142">
        <v>2.4005816725408747E-3</v>
      </c>
      <c r="J125" s="97">
        <v>1.0957982685366465E-3</v>
      </c>
      <c r="K125" s="141">
        <v>8676</v>
      </c>
      <c r="L125" s="142">
        <v>0.59507818213662678</v>
      </c>
      <c r="M125" s="97">
        <v>1.0537807050497342E-2</v>
      </c>
      <c r="N125" s="142">
        <v>0.14526782920903189</v>
      </c>
      <c r="O125" s="97">
        <v>7.5678509073263808E-3</v>
      </c>
      <c r="P125" s="142">
        <v>0.16198415705035279</v>
      </c>
      <c r="Q125" s="97">
        <v>7.912265737003878E-3</v>
      </c>
      <c r="R125" s="142">
        <v>9.7669831603988483E-2</v>
      </c>
      <c r="S125" s="97">
        <v>6.3782316201213256E-3</v>
      </c>
    </row>
    <row r="126" spans="1:30">
      <c r="A126" s="45" t="s">
        <v>432</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3</v>
      </c>
      <c r="B127" s="141">
        <v>106</v>
      </c>
      <c r="C127" s="142">
        <v>0.64500000000000002</v>
      </c>
      <c r="D127" s="97">
        <v>9.1547561261634186E-2</v>
      </c>
      <c r="E127" s="142">
        <v>0.184</v>
      </c>
      <c r="F127" s="97">
        <v>7.5624482220008143E-2</v>
      </c>
      <c r="G127" s="142">
        <v>0.17100000000000001</v>
      </c>
      <c r="H127" s="97">
        <v>7.3728727380662495E-2</v>
      </c>
      <c r="I127" s="142">
        <v>0</v>
      </c>
      <c r="J127" s="97">
        <v>2.5478147263468021E-2</v>
      </c>
      <c r="K127" s="141">
        <v>105</v>
      </c>
      <c r="L127" s="142">
        <v>0.28599999999999998</v>
      </c>
      <c r="M127" s="97">
        <v>8.7262863753223521E-2</v>
      </c>
      <c r="N127" s="142">
        <v>0.17399999999999999</v>
      </c>
      <c r="O127" s="97">
        <v>7.4533645572091425E-2</v>
      </c>
      <c r="P127" s="142">
        <v>0.38300000000000001</v>
      </c>
      <c r="Q127" s="97">
        <v>9.3317503286699591E-2</v>
      </c>
      <c r="R127" s="142">
        <v>0.157</v>
      </c>
      <c r="S127" s="97">
        <v>7.1888637755697885E-2</v>
      </c>
    </row>
    <row r="128" spans="1:30">
      <c r="A128" s="45" t="s">
        <v>434</v>
      </c>
      <c r="B128" s="83">
        <v>2554</v>
      </c>
      <c r="C128" s="98">
        <v>0.316</v>
      </c>
      <c r="D128" s="94">
        <v>1.8388977557184355E-2</v>
      </c>
      <c r="E128" s="98">
        <v>0.22700000000000001</v>
      </c>
      <c r="F128" s="94">
        <v>1.6575644735849899E-2</v>
      </c>
      <c r="G128" s="98">
        <v>0.45200000000000001</v>
      </c>
      <c r="H128" s="94">
        <v>1.9680926260628777E-2</v>
      </c>
      <c r="I128" s="98">
        <v>5.0000000000000001E-3</v>
      </c>
      <c r="J128" s="94">
        <v>2.9961410304177858E-3</v>
      </c>
      <c r="K128" s="83">
        <v>2532</v>
      </c>
      <c r="L128" s="98">
        <v>0.51600000000000001</v>
      </c>
      <c r="M128" s="94">
        <v>1.9847399170653628E-2</v>
      </c>
      <c r="N128" s="98">
        <v>0.153</v>
      </c>
      <c r="O128" s="94">
        <v>1.4317850782834722E-2</v>
      </c>
      <c r="P128" s="98">
        <v>0.20599999999999999</v>
      </c>
      <c r="Q128" s="94">
        <v>1.6075357521682921E-2</v>
      </c>
      <c r="R128" s="98">
        <v>0.125</v>
      </c>
      <c r="S128" s="94">
        <v>1.3161114105735512E-2</v>
      </c>
    </row>
    <row r="129" spans="1:33">
      <c r="A129" s="49" t="s">
        <v>435</v>
      </c>
      <c r="B129" s="141">
        <v>2489</v>
      </c>
      <c r="C129" s="142">
        <v>0.309</v>
      </c>
      <c r="D129" s="97">
        <v>1.8514246769643812E-2</v>
      </c>
      <c r="E129" s="142">
        <v>0.22500000000000001</v>
      </c>
      <c r="F129" s="97">
        <v>1.6738352923338792E-2</v>
      </c>
      <c r="G129" s="142">
        <v>0.46200000000000002</v>
      </c>
      <c r="H129" s="97">
        <v>1.9970320137979312E-2</v>
      </c>
      <c r="I129" s="142">
        <v>4.0000000000000001E-3</v>
      </c>
      <c r="J129" s="97">
        <v>2.7673033208371021E-3</v>
      </c>
      <c r="K129" s="141">
        <v>2469</v>
      </c>
      <c r="L129" s="142">
        <v>0.51300000000000001</v>
      </c>
      <c r="M129" s="97">
        <v>2.0102106773780468E-2</v>
      </c>
      <c r="N129" s="142">
        <v>0.15</v>
      </c>
      <c r="O129" s="97">
        <v>1.4382896306577509E-2</v>
      </c>
      <c r="P129" s="142">
        <v>0.214</v>
      </c>
      <c r="Q129" s="97">
        <v>1.6507342087791532E-2</v>
      </c>
      <c r="R129" s="142">
        <v>0.123</v>
      </c>
      <c r="S129" s="97">
        <v>1.3237108359323646E-2</v>
      </c>
    </row>
    <row r="130" spans="1:33">
      <c r="A130" s="45" t="s">
        <v>452</v>
      </c>
      <c r="B130" s="83">
        <v>50</v>
      </c>
      <c r="C130" s="98">
        <v>0.48099999999999998</v>
      </c>
      <c r="D130" s="94">
        <v>0.13599850235718722</v>
      </c>
      <c r="E130" s="98">
        <v>0.28399999999999997</v>
      </c>
      <c r="F130" s="94">
        <v>0.12472191289246472</v>
      </c>
      <c r="G130" s="98">
        <v>0.216</v>
      </c>
      <c r="H130" s="94">
        <v>0.11574252399174943</v>
      </c>
      <c r="I130" s="98">
        <v>1.9E-2</v>
      </c>
      <c r="J130" s="94">
        <v>6.1851215261667418E-2</v>
      </c>
      <c r="K130" s="83">
        <v>49</v>
      </c>
      <c r="L130" s="98">
        <v>0.53100000000000003</v>
      </c>
      <c r="M130" s="94">
        <v>0.1371347176139921</v>
      </c>
      <c r="N130" s="98">
        <v>0.24299999999999999</v>
      </c>
      <c r="O130" s="94">
        <v>0.12085995225356103</v>
      </c>
      <c r="P130" s="98">
        <v>6.5000000000000002E-2</v>
      </c>
      <c r="Q130" s="94">
        <v>8.1615501146154859E-2</v>
      </c>
      <c r="R130" s="98">
        <v>0.161</v>
      </c>
      <c r="S130" s="94">
        <v>0.10702529365654925</v>
      </c>
    </row>
    <row r="131" spans="1:33">
      <c r="A131" s="49" t="s">
        <v>172</v>
      </c>
      <c r="B131" s="141">
        <v>239</v>
      </c>
      <c r="C131" s="142">
        <v>0.249</v>
      </c>
      <c r="D131" s="97">
        <v>5.5785603133586208E-2</v>
      </c>
      <c r="E131" s="142">
        <v>0.17699999999999999</v>
      </c>
      <c r="F131" s="97">
        <v>4.9537354314978993E-2</v>
      </c>
      <c r="G131" s="142">
        <v>0.57399999999999995</v>
      </c>
      <c r="H131" s="97">
        <v>6.3466759525134059E-2</v>
      </c>
      <c r="I131" s="142">
        <v>0</v>
      </c>
      <c r="J131" s="97">
        <v>1.159161916892641E-2</v>
      </c>
      <c r="K131" s="141">
        <v>236</v>
      </c>
      <c r="L131" s="142">
        <v>0.503</v>
      </c>
      <c r="M131" s="97">
        <v>6.454859893909394E-2</v>
      </c>
      <c r="N131" s="142">
        <v>8.2000000000000003E-2</v>
      </c>
      <c r="O131" s="97">
        <v>3.6754047144246328E-2</v>
      </c>
      <c r="P131" s="142">
        <v>0.28699999999999998</v>
      </c>
      <c r="Q131" s="97">
        <v>5.861323762598343E-2</v>
      </c>
      <c r="R131" s="142">
        <v>0.127</v>
      </c>
      <c r="S131" s="97">
        <v>4.3869120952535035E-2</v>
      </c>
    </row>
    <row r="132" spans="1:33" ht="25.5">
      <c r="A132" s="45" t="s">
        <v>436</v>
      </c>
      <c r="B132" s="83">
        <v>97</v>
      </c>
      <c r="C132" s="98">
        <v>0.35699999999999998</v>
      </c>
      <c r="D132" s="94">
        <v>9.5676569248323698E-2</v>
      </c>
      <c r="E132" s="98">
        <v>0.13300000000000001</v>
      </c>
      <c r="F132" s="94">
        <v>7.0575619017415298E-2</v>
      </c>
      <c r="G132" s="98">
        <v>0.51</v>
      </c>
      <c r="H132" s="94">
        <v>9.9485361666574651E-2</v>
      </c>
      <c r="I132" s="98">
        <v>0</v>
      </c>
      <c r="J132" s="94">
        <v>2.7725572981612018E-2</v>
      </c>
      <c r="K132" s="83">
        <v>97</v>
      </c>
      <c r="L132" s="98">
        <v>0.57799999999999996</v>
      </c>
      <c r="M132" s="94">
        <v>9.838062241710839E-2</v>
      </c>
      <c r="N132" s="98">
        <v>9.1999999999999998E-2</v>
      </c>
      <c r="O132" s="94">
        <v>6.1807805884742939E-2</v>
      </c>
      <c r="P132" s="98">
        <v>0.23599999999999999</v>
      </c>
      <c r="Q132" s="94">
        <v>8.5761621942784028E-2</v>
      </c>
      <c r="R132" s="98">
        <v>9.5000000000000001E-2</v>
      </c>
      <c r="S132" s="94">
        <v>6.2524390587396575E-2</v>
      </c>
    </row>
    <row r="133" spans="1:33" ht="25.5">
      <c r="A133" s="49" t="s">
        <v>437</v>
      </c>
      <c r="B133" s="141">
        <v>115</v>
      </c>
      <c r="C133" s="142">
        <v>0.219</v>
      </c>
      <c r="D133" s="97">
        <v>7.6971693444302186E-2</v>
      </c>
      <c r="E133" s="142">
        <v>0.223</v>
      </c>
      <c r="F133" s="97">
        <v>7.742549876124534E-2</v>
      </c>
      <c r="G133" s="142">
        <v>0.55800000000000005</v>
      </c>
      <c r="H133" s="97">
        <v>9.1092039593351645E-2</v>
      </c>
      <c r="I133" s="142">
        <v>0</v>
      </c>
      <c r="J133" s="97">
        <v>2.3567715249216942E-2</v>
      </c>
      <c r="K133" s="141">
        <v>113</v>
      </c>
      <c r="L133" s="142">
        <v>0.56200000000000006</v>
      </c>
      <c r="M133" s="97">
        <v>9.1784650348145896E-2</v>
      </c>
      <c r="N133" s="142">
        <v>9.8000000000000004E-2</v>
      </c>
      <c r="O133" s="97">
        <v>5.8252899827252951E-2</v>
      </c>
      <c r="P133" s="142">
        <v>0.216</v>
      </c>
      <c r="Q133" s="97">
        <v>7.7297221384892936E-2</v>
      </c>
      <c r="R133" s="142">
        <v>0.124</v>
      </c>
      <c r="S133" s="97">
        <v>6.354902319480922E-2</v>
      </c>
    </row>
    <row r="134" spans="1:33">
      <c r="A134" s="45" t="s">
        <v>453</v>
      </c>
      <c r="B134" s="139">
        <v>535</v>
      </c>
      <c r="C134" s="140">
        <v>0.26500000000000001</v>
      </c>
      <c r="D134" s="94">
        <v>3.8098751153406274E-2</v>
      </c>
      <c r="E134" s="140">
        <v>0.217</v>
      </c>
      <c r="F134" s="94">
        <v>3.5633185240583926E-2</v>
      </c>
      <c r="G134" s="140">
        <v>0.51800000000000002</v>
      </c>
      <c r="H134" s="94">
        <v>4.3045541837350147E-2</v>
      </c>
      <c r="I134" s="140">
        <v>0</v>
      </c>
      <c r="J134" s="94">
        <v>5.2378009316415538E-3</v>
      </c>
      <c r="K134" s="139">
        <v>527</v>
      </c>
      <c r="L134" s="140">
        <v>0.42499999999999999</v>
      </c>
      <c r="M134" s="94">
        <v>4.29127285512233E-2</v>
      </c>
      <c r="N134" s="140">
        <v>0.17299999999999999</v>
      </c>
      <c r="O134" s="94">
        <v>3.3012685494003595E-2</v>
      </c>
      <c r="P134" s="140">
        <v>0.30199999999999999</v>
      </c>
      <c r="Q134" s="94">
        <v>3.9904256357912733E-2</v>
      </c>
      <c r="R134" s="140">
        <v>9.9000000000000005E-2</v>
      </c>
      <c r="S134" s="94">
        <v>2.6270000249193647E-2</v>
      </c>
    </row>
    <row r="135" spans="1:33" ht="25.5">
      <c r="A135" s="49" t="s">
        <v>438</v>
      </c>
      <c r="B135" s="141">
        <v>78</v>
      </c>
      <c r="C135" s="142">
        <v>0.35299999999999998</v>
      </c>
      <c r="D135" s="97">
        <v>0.10602525601759576</v>
      </c>
      <c r="E135" s="142">
        <v>0.158</v>
      </c>
      <c r="F135" s="97">
        <v>8.3860744589490999E-2</v>
      </c>
      <c r="G135" s="142">
        <v>0.48899999999999999</v>
      </c>
      <c r="H135" s="97">
        <v>0.11040734266722811</v>
      </c>
      <c r="I135" s="142">
        <v>0</v>
      </c>
      <c r="J135" s="97">
        <v>3.406977052534528E-2</v>
      </c>
      <c r="K135" s="141">
        <v>77</v>
      </c>
      <c r="L135" s="142">
        <v>0.69799999999999995</v>
      </c>
      <c r="M135" s="97">
        <v>0.10293768822627261</v>
      </c>
      <c r="N135" s="142">
        <v>7.0999999999999994E-2</v>
      </c>
      <c r="O135" s="97">
        <v>6.4286041653568618E-2</v>
      </c>
      <c r="P135" s="142">
        <v>0.22800000000000001</v>
      </c>
      <c r="Q135" s="97">
        <v>9.5100373342765443E-2</v>
      </c>
      <c r="R135" s="142">
        <v>2E-3</v>
      </c>
      <c r="S135" s="97">
        <v>3.5753219046506919E-2</v>
      </c>
    </row>
    <row r="136" spans="1:33" ht="25.5">
      <c r="A136" s="45" t="s">
        <v>439</v>
      </c>
      <c r="B136" s="83">
        <v>79</v>
      </c>
      <c r="C136" s="98">
        <v>0.248</v>
      </c>
      <c r="D136" s="94">
        <v>9.6310085720263325E-2</v>
      </c>
      <c r="E136" s="98">
        <v>0.151</v>
      </c>
      <c r="F136" s="94">
        <v>8.2039064259299771E-2</v>
      </c>
      <c r="G136" s="98">
        <v>0.6</v>
      </c>
      <c r="H136" s="94">
        <v>0.10775711867907536</v>
      </c>
      <c r="I136" s="98">
        <v>0</v>
      </c>
      <c r="J136" s="94">
        <v>3.3664360151118053E-2</v>
      </c>
      <c r="K136" s="83">
        <v>78</v>
      </c>
      <c r="L136" s="98">
        <v>0.57199999999999995</v>
      </c>
      <c r="M136" s="94">
        <v>0.10939064493442785</v>
      </c>
      <c r="N136" s="98">
        <v>0.21</v>
      </c>
      <c r="O136" s="94">
        <v>9.210406602925314E-2</v>
      </c>
      <c r="P136" s="98">
        <v>0.17499999999999999</v>
      </c>
      <c r="Q136" s="94">
        <v>8.6793429997444271E-2</v>
      </c>
      <c r="R136" s="98">
        <v>4.2999999999999997E-2</v>
      </c>
      <c r="S136" s="94">
        <v>5.4562360153446711E-2</v>
      </c>
    </row>
    <row r="137" spans="1:33">
      <c r="A137" s="49" t="s">
        <v>440</v>
      </c>
      <c r="B137" s="141">
        <v>79</v>
      </c>
      <c r="C137" s="142">
        <v>9.7000000000000003E-2</v>
      </c>
      <c r="D137" s="97">
        <v>7.0409363288197385E-2</v>
      </c>
      <c r="E137" s="142">
        <v>0.245</v>
      </c>
      <c r="F137" s="97">
        <v>9.5964714024372663E-2</v>
      </c>
      <c r="G137" s="142">
        <v>0.65700000000000003</v>
      </c>
      <c r="H137" s="97">
        <v>0.10474744356358398</v>
      </c>
      <c r="I137" s="142">
        <v>0</v>
      </c>
      <c r="J137" s="97">
        <v>3.3664360151118053E-2</v>
      </c>
      <c r="K137" s="141">
        <v>78</v>
      </c>
      <c r="L137" s="142">
        <v>0.40799999999999997</v>
      </c>
      <c r="M137" s="97">
        <v>0.10872691584657936</v>
      </c>
      <c r="N137" s="142">
        <v>0.25800000000000001</v>
      </c>
      <c r="O137" s="97">
        <v>9.8031902679281677E-2</v>
      </c>
      <c r="P137" s="142">
        <v>0.23400000000000001</v>
      </c>
      <c r="Q137" s="97">
        <v>9.5247727824304296E-2</v>
      </c>
      <c r="R137" s="142">
        <v>0.1</v>
      </c>
      <c r="S137" s="97">
        <v>7.164581935587605E-2</v>
      </c>
    </row>
    <row r="138" spans="1:33">
      <c r="A138" s="57" t="s">
        <v>441</v>
      </c>
      <c r="B138" s="139">
        <v>74</v>
      </c>
      <c r="C138" s="140">
        <v>0.23100000000000001</v>
      </c>
      <c r="D138" s="94">
        <v>9.7368015213180018E-2</v>
      </c>
      <c r="E138" s="140">
        <v>0.27800000000000002</v>
      </c>
      <c r="F138" s="94">
        <v>0.10269226115283835</v>
      </c>
      <c r="G138" s="140">
        <v>0.49099999999999999</v>
      </c>
      <c r="H138" s="94">
        <v>0.11321119240549796</v>
      </c>
      <c r="I138" s="140">
        <v>0</v>
      </c>
      <c r="J138" s="94">
        <v>3.5793971305236552E-2</v>
      </c>
      <c r="K138" s="139">
        <v>71</v>
      </c>
      <c r="L138" s="140">
        <v>9.6000000000000002E-2</v>
      </c>
      <c r="M138" s="94">
        <v>7.4379010595632317E-2</v>
      </c>
      <c r="N138" s="140">
        <v>9.9000000000000005E-2</v>
      </c>
      <c r="O138" s="94">
        <v>7.5150947532036896E-2</v>
      </c>
      <c r="P138" s="140">
        <v>0.73399999999999999</v>
      </c>
      <c r="Q138" s="94">
        <v>0.10351911632801612</v>
      </c>
      <c r="R138" s="140">
        <v>7.0999999999999994E-2</v>
      </c>
      <c r="S138" s="94">
        <v>6.7356383750911089E-2</v>
      </c>
    </row>
    <row r="139" spans="1:33" ht="25.5">
      <c r="A139" s="49" t="s">
        <v>442</v>
      </c>
      <c r="B139" s="141">
        <v>111</v>
      </c>
      <c r="C139" s="142">
        <v>0.50800000000000001</v>
      </c>
      <c r="D139" s="97">
        <v>9.3239359993476448E-2</v>
      </c>
      <c r="E139" s="142">
        <v>0.106</v>
      </c>
      <c r="F139" s="97">
        <v>6.0541101220250616E-2</v>
      </c>
      <c r="G139" s="142">
        <v>0.38600000000000001</v>
      </c>
      <c r="H139" s="97">
        <v>9.0964368870694229E-2</v>
      </c>
      <c r="I139" s="142">
        <v>0</v>
      </c>
      <c r="J139" s="97">
        <v>2.4380210707016403E-2</v>
      </c>
      <c r="K139" s="141">
        <v>110</v>
      </c>
      <c r="L139" s="142">
        <v>0.59699999999999998</v>
      </c>
      <c r="M139" s="97">
        <v>9.2002993244555228E-2</v>
      </c>
      <c r="N139" s="142">
        <v>0.192</v>
      </c>
      <c r="O139" s="97">
        <v>7.5318349195748979E-2</v>
      </c>
      <c r="P139" s="142">
        <v>0.16800000000000001</v>
      </c>
      <c r="Q139" s="97">
        <v>7.1910108476568244E-2</v>
      </c>
      <c r="R139" s="142">
        <v>4.2000000000000003E-2</v>
      </c>
      <c r="S139" s="97">
        <v>4.3809007390384638E-2</v>
      </c>
    </row>
    <row r="140" spans="1:33">
      <c r="A140" s="57" t="s">
        <v>443</v>
      </c>
      <c r="B140" s="139">
        <v>167</v>
      </c>
      <c r="C140" s="140">
        <v>0.30599999999999999</v>
      </c>
      <c r="D140" s="94">
        <v>7.0769232913755614E-2</v>
      </c>
      <c r="E140" s="140">
        <v>0.23300000000000001</v>
      </c>
      <c r="F140" s="94">
        <v>6.5249346338965411E-2</v>
      </c>
      <c r="G140" s="140">
        <v>0.46100000000000002</v>
      </c>
      <c r="H140" s="94">
        <v>7.6249716807244503E-2</v>
      </c>
      <c r="I140" s="140">
        <v>0</v>
      </c>
      <c r="J140" s="94">
        <v>1.6443496878751757E-2</v>
      </c>
      <c r="K140" s="139">
        <v>166</v>
      </c>
      <c r="L140" s="140">
        <v>0.42599999999999999</v>
      </c>
      <c r="M140" s="94">
        <v>7.5891356156973469E-2</v>
      </c>
      <c r="N140" s="140">
        <v>0.157</v>
      </c>
      <c r="O140" s="94">
        <v>5.6946267581032418E-2</v>
      </c>
      <c r="P140" s="140">
        <v>0.253</v>
      </c>
      <c r="Q140" s="94">
        <v>6.7183372444939923E-2</v>
      </c>
      <c r="R140" s="140">
        <v>0.16500000000000001</v>
      </c>
      <c r="S140" s="94">
        <v>5.8004877073387535E-2</v>
      </c>
    </row>
    <row r="141" spans="1:33">
      <c r="A141" s="49" t="s">
        <v>455</v>
      </c>
      <c r="B141" s="141">
        <v>142</v>
      </c>
      <c r="C141" s="142">
        <v>0.374</v>
      </c>
      <c r="D141" s="97">
        <v>8.0236295057446477E-2</v>
      </c>
      <c r="E141" s="142">
        <v>0.252</v>
      </c>
      <c r="F141" s="97">
        <v>7.2493725128985012E-2</v>
      </c>
      <c r="G141" s="142">
        <v>0.36399999999999999</v>
      </c>
      <c r="H141" s="97">
        <v>7.9812038809667557E-2</v>
      </c>
      <c r="I141" s="142">
        <v>0.01</v>
      </c>
      <c r="J141" s="97">
        <v>2.5034739126136192E-2</v>
      </c>
      <c r="K141" s="141">
        <v>141</v>
      </c>
      <c r="L141" s="142">
        <v>0.77100000000000002</v>
      </c>
      <c r="M141" s="97">
        <v>7.0574984085689407E-2</v>
      </c>
      <c r="N141" s="142">
        <v>7.8E-2</v>
      </c>
      <c r="O141" s="97">
        <v>4.7446754890867228E-2</v>
      </c>
      <c r="P141" s="142">
        <v>4.5999999999999999E-2</v>
      </c>
      <c r="Q141" s="97">
        <v>3.8986845955142797E-2</v>
      </c>
      <c r="R141" s="142">
        <v>0.104</v>
      </c>
      <c r="S141" s="97">
        <v>5.2971451114296374E-2</v>
      </c>
      <c r="T141" s="258"/>
      <c r="U141" s="258"/>
      <c r="V141" s="258"/>
      <c r="W141" s="258"/>
      <c r="X141" s="258"/>
      <c r="Y141" s="258"/>
      <c r="Z141" s="258"/>
      <c r="AA141" s="258"/>
      <c r="AB141" s="258"/>
      <c r="AC141" s="258"/>
      <c r="AD141" s="258"/>
      <c r="AE141" s="258"/>
      <c r="AF141" s="258"/>
      <c r="AG141" s="258"/>
    </row>
    <row r="142" spans="1:33">
      <c r="A142" s="57" t="s">
        <v>444</v>
      </c>
      <c r="B142" s="139">
        <v>88</v>
      </c>
      <c r="C142" s="140">
        <v>0.46700000000000003</v>
      </c>
      <c r="D142" s="94">
        <v>0.10404924357810412</v>
      </c>
      <c r="E142" s="140">
        <v>0.21099999999999999</v>
      </c>
      <c r="F142" s="94">
        <v>8.687417461955943E-2</v>
      </c>
      <c r="G142" s="140">
        <v>0.30599999999999999</v>
      </c>
      <c r="H142" s="94">
        <v>9.6811234996258461E-2</v>
      </c>
      <c r="I142" s="140">
        <v>1.6E-2</v>
      </c>
      <c r="J142" s="94">
        <v>3.9381776286040497E-2</v>
      </c>
      <c r="K142" s="139">
        <v>87</v>
      </c>
      <c r="L142" s="140">
        <v>0.81200000000000006</v>
      </c>
      <c r="M142" s="94">
        <v>8.4131146354651215E-2</v>
      </c>
      <c r="N142" s="140">
        <v>6.4000000000000001E-2</v>
      </c>
      <c r="O142" s="94">
        <v>5.78928321615493E-2</v>
      </c>
      <c r="P142" s="140">
        <v>4.3999999999999997E-2</v>
      </c>
      <c r="Q142" s="94">
        <v>5.1330571717912221E-2</v>
      </c>
      <c r="R142" s="140">
        <v>0.08</v>
      </c>
      <c r="S142" s="94">
        <v>6.2464711411025164E-2</v>
      </c>
      <c r="T142" s="258"/>
      <c r="U142" s="258"/>
      <c r="V142" s="258"/>
      <c r="W142" s="258"/>
      <c r="X142" s="258"/>
      <c r="Y142" s="258"/>
      <c r="Z142" s="258"/>
      <c r="AA142" s="258"/>
      <c r="AB142" s="258"/>
      <c r="AC142" s="258"/>
      <c r="AD142" s="258"/>
      <c r="AE142" s="258"/>
      <c r="AF142" s="258"/>
      <c r="AG142" s="258"/>
    </row>
    <row r="143" spans="1:33">
      <c r="A143" s="49" t="s">
        <v>454</v>
      </c>
      <c r="B143" s="141">
        <v>250</v>
      </c>
      <c r="C143" s="142">
        <v>0.38500000000000001</v>
      </c>
      <c r="D143" s="97">
        <v>6.1116676284812307E-2</v>
      </c>
      <c r="E143" s="142">
        <v>0.28299999999999997</v>
      </c>
      <c r="F143" s="97">
        <v>5.6732892598531724E-2</v>
      </c>
      <c r="G143" s="142">
        <v>0.33200000000000002</v>
      </c>
      <c r="H143" s="97">
        <v>5.9215068485000646E-2</v>
      </c>
      <c r="I143" s="142">
        <v>0</v>
      </c>
      <c r="J143" s="97">
        <v>1.1091612511036448E-2</v>
      </c>
      <c r="K143" s="141">
        <v>249</v>
      </c>
      <c r="L143" s="142">
        <v>0.65900000000000003</v>
      </c>
      <c r="M143" s="97">
        <v>5.9711040662894094E-2</v>
      </c>
      <c r="N143" s="142">
        <v>0.13900000000000001</v>
      </c>
      <c r="O143" s="97">
        <v>4.4235668984646571E-2</v>
      </c>
      <c r="P143" s="142">
        <v>0.114</v>
      </c>
      <c r="Q143" s="97">
        <v>4.0875418979764377E-2</v>
      </c>
      <c r="R143" s="142">
        <v>8.7999999999999995E-2</v>
      </c>
      <c r="S143" s="97">
        <v>3.6783947602247569E-2</v>
      </c>
      <c r="T143" s="258"/>
      <c r="U143" s="258"/>
      <c r="V143" s="258"/>
      <c r="W143" s="258"/>
      <c r="X143" s="258"/>
      <c r="Y143" s="258"/>
      <c r="Z143" s="258"/>
      <c r="AA143" s="258"/>
      <c r="AB143" s="258"/>
      <c r="AC143" s="258"/>
      <c r="AD143" s="258"/>
      <c r="AE143" s="258"/>
      <c r="AF143" s="258"/>
      <c r="AG143" s="258"/>
    </row>
    <row r="144" spans="1:33" ht="38.25">
      <c r="A144" s="57" t="s">
        <v>445</v>
      </c>
      <c r="B144" s="139">
        <v>107</v>
      </c>
      <c r="C144" s="140">
        <v>0.27500000000000002</v>
      </c>
      <c r="D144" s="94">
        <v>8.552074870342756E-2</v>
      </c>
      <c r="E144" s="140">
        <v>0.26900000000000002</v>
      </c>
      <c r="F144" s="94">
        <v>8.4983420420645106E-2</v>
      </c>
      <c r="G144" s="140">
        <v>0.45600000000000002</v>
      </c>
      <c r="H144" s="94">
        <v>9.4573679261223467E-2</v>
      </c>
      <c r="I144" s="140">
        <v>0</v>
      </c>
      <c r="J144" s="94">
        <v>2.5250720474759302E-2</v>
      </c>
      <c r="K144" s="139">
        <v>106</v>
      </c>
      <c r="L144" s="140">
        <v>0.7</v>
      </c>
      <c r="M144" s="94">
        <v>8.7978550763468888E-2</v>
      </c>
      <c r="N144" s="140">
        <v>0.17899999999999999</v>
      </c>
      <c r="O144" s="94">
        <v>7.491004019297412E-2</v>
      </c>
      <c r="P144" s="140">
        <v>3.5999999999999997E-2</v>
      </c>
      <c r="Q144" s="94">
        <v>4.2673049610208451E-2</v>
      </c>
      <c r="R144" s="140">
        <v>8.5000000000000006E-2</v>
      </c>
      <c r="S144" s="94">
        <v>5.7230862306106529E-2</v>
      </c>
      <c r="T144" s="258"/>
      <c r="U144" s="258"/>
      <c r="V144" s="258"/>
      <c r="W144" s="258"/>
      <c r="X144" s="258"/>
      <c r="Y144" s="258"/>
      <c r="Z144" s="258"/>
      <c r="AA144" s="258"/>
      <c r="AB144" s="258"/>
      <c r="AC144" s="258"/>
      <c r="AD144" s="258"/>
      <c r="AE144" s="258"/>
      <c r="AF144" s="258"/>
      <c r="AG144" s="258"/>
    </row>
    <row r="145" spans="1:33" ht="25.5">
      <c r="A145" s="49" t="s">
        <v>471</v>
      </c>
      <c r="B145" s="141">
        <v>90</v>
      </c>
      <c r="C145" s="142">
        <v>0.375</v>
      </c>
      <c r="D145" s="97">
        <v>0.10014383143251794</v>
      </c>
      <c r="E145" s="142">
        <v>0.41399999999999998</v>
      </c>
      <c r="F145" s="97">
        <v>0.10173391541501325</v>
      </c>
      <c r="G145" s="142">
        <v>0.21199999999999999</v>
      </c>
      <c r="H145" s="97">
        <v>8.6039296064843687E-2</v>
      </c>
      <c r="I145" s="142">
        <v>0</v>
      </c>
      <c r="J145" s="97">
        <v>2.976782656907849E-2</v>
      </c>
      <c r="K145" s="141">
        <v>90</v>
      </c>
      <c r="L145" s="142">
        <v>0.57499999999999996</v>
      </c>
      <c r="M145" s="97">
        <v>0.10207288547372567</v>
      </c>
      <c r="N145" s="142">
        <v>0.123</v>
      </c>
      <c r="O145" s="97">
        <v>7.1372478632212175E-2</v>
      </c>
      <c r="P145" s="142">
        <v>0.17499999999999999</v>
      </c>
      <c r="Q145" s="97">
        <v>8.0734157575680698E-2</v>
      </c>
      <c r="R145" s="142">
        <v>0.126</v>
      </c>
      <c r="S145" s="97">
        <v>7.1985535363441669E-2</v>
      </c>
      <c r="T145" s="258"/>
      <c r="U145" s="258"/>
      <c r="V145" s="258"/>
      <c r="W145" s="258"/>
      <c r="X145" s="258"/>
      <c r="Y145" s="258"/>
      <c r="Z145" s="258"/>
      <c r="AA145" s="258"/>
      <c r="AB145" s="258"/>
      <c r="AC145" s="258"/>
      <c r="AD145" s="258"/>
      <c r="AE145" s="258"/>
      <c r="AF145" s="258"/>
      <c r="AG145" s="258"/>
    </row>
    <row r="146" spans="1:33" ht="25.5">
      <c r="A146" s="57" t="s">
        <v>442</v>
      </c>
      <c r="B146" s="139">
        <v>111</v>
      </c>
      <c r="C146" s="140">
        <v>0.50800000000000001</v>
      </c>
      <c r="D146" s="94">
        <v>9.3239359993476448E-2</v>
      </c>
      <c r="E146" s="140">
        <v>0.106</v>
      </c>
      <c r="F146" s="94">
        <v>6.0541101220250616E-2</v>
      </c>
      <c r="G146" s="140">
        <v>0.38600000000000001</v>
      </c>
      <c r="H146" s="94">
        <v>9.0964368870694229E-2</v>
      </c>
      <c r="I146" s="140">
        <v>0</v>
      </c>
      <c r="J146" s="94">
        <v>2.4380210707016403E-2</v>
      </c>
      <c r="K146" s="139">
        <v>110</v>
      </c>
      <c r="L146" s="140">
        <v>0.59699999999999998</v>
      </c>
      <c r="M146" s="94">
        <v>9.2002993244555228E-2</v>
      </c>
      <c r="N146" s="140">
        <v>0.192</v>
      </c>
      <c r="O146" s="94">
        <v>7.5318349195748979E-2</v>
      </c>
      <c r="P146" s="140">
        <v>0.16800000000000001</v>
      </c>
      <c r="Q146" s="94">
        <v>7.1910108476568244E-2</v>
      </c>
      <c r="R146" s="140">
        <v>4.2000000000000003E-2</v>
      </c>
      <c r="S146" s="94">
        <v>4.3809007390384638E-2</v>
      </c>
      <c r="T146" s="258"/>
      <c r="U146" s="258"/>
      <c r="V146" s="258"/>
      <c r="W146" s="258"/>
      <c r="X146" s="258"/>
      <c r="Y146" s="258"/>
      <c r="Z146" s="258"/>
      <c r="AA146" s="258"/>
      <c r="AB146" s="258"/>
      <c r="AC146" s="258"/>
      <c r="AD146" s="258"/>
      <c r="AE146" s="258"/>
      <c r="AF146" s="258"/>
      <c r="AG146" s="258"/>
    </row>
    <row r="147" spans="1:33">
      <c r="R147" s="258"/>
      <c r="S147" s="258"/>
      <c r="T147" s="258"/>
      <c r="U147" s="258"/>
      <c r="V147" s="258"/>
      <c r="W147" s="258"/>
      <c r="X147" s="258"/>
      <c r="Y147" s="258"/>
      <c r="Z147" s="258"/>
      <c r="AA147" s="258"/>
      <c r="AB147" s="258"/>
      <c r="AC147" s="258"/>
      <c r="AD147" s="258"/>
      <c r="AE147" s="258"/>
    </row>
    <row r="148" spans="1:33" ht="18.75">
      <c r="A148" s="320" t="s">
        <v>256</v>
      </c>
      <c r="B148" s="320"/>
      <c r="C148" s="320"/>
      <c r="D148" s="320"/>
      <c r="E148" s="320"/>
      <c r="F148" s="320"/>
      <c r="G148" s="320"/>
      <c r="H148" s="320"/>
      <c r="I148" s="320"/>
      <c r="J148" s="320"/>
      <c r="K148" s="320"/>
      <c r="L148" s="320"/>
      <c r="M148" s="320"/>
      <c r="N148" s="320"/>
      <c r="O148" s="320"/>
      <c r="P148" s="320"/>
      <c r="Q148" s="320"/>
      <c r="R148" s="320"/>
      <c r="S148" s="320"/>
      <c r="T148" s="320"/>
      <c r="U148" s="320"/>
      <c r="V148" s="320"/>
      <c r="W148" s="320"/>
      <c r="X148" s="258"/>
      <c r="Y148" s="258"/>
      <c r="Z148" s="236"/>
      <c r="AA148" s="236"/>
      <c r="AB148" s="236"/>
      <c r="AC148" s="236"/>
      <c r="AD148" s="258"/>
      <c r="AE148" s="258"/>
    </row>
    <row r="149" spans="1:33" ht="57.75" customHeight="1">
      <c r="A149" s="392" t="s">
        <v>489</v>
      </c>
      <c r="B149" s="392"/>
      <c r="C149" s="392"/>
      <c r="D149" s="392"/>
      <c r="E149" s="392"/>
      <c r="F149" s="392"/>
      <c r="G149" s="392"/>
      <c r="H149" s="392"/>
      <c r="I149" s="392"/>
      <c r="J149" s="392"/>
      <c r="K149" s="392"/>
      <c r="L149" s="392"/>
      <c r="M149" s="392"/>
      <c r="N149" s="392"/>
      <c r="O149" s="392"/>
      <c r="P149" s="392"/>
      <c r="Q149" s="392"/>
      <c r="R149" s="392"/>
      <c r="S149" s="392"/>
      <c r="T149" s="392"/>
      <c r="U149" s="392"/>
      <c r="V149" s="392"/>
      <c r="W149" s="392"/>
      <c r="X149" s="325"/>
      <c r="Y149" s="325"/>
      <c r="Z149" s="239"/>
      <c r="AA149" s="239"/>
      <c r="AB149" s="239"/>
      <c r="AC149" s="239"/>
      <c r="AD149" s="258"/>
      <c r="AE149" s="258"/>
    </row>
    <row r="150" spans="1:33" ht="41.25" customHeight="1">
      <c r="A150" s="64"/>
      <c r="B150" s="395" t="s">
        <v>257</v>
      </c>
      <c r="C150" s="396"/>
      <c r="D150" s="396"/>
      <c r="E150" s="396"/>
      <c r="F150" s="396"/>
      <c r="G150" s="396"/>
      <c r="H150" s="396"/>
      <c r="I150" s="396"/>
      <c r="J150" s="396"/>
      <c r="K150" s="397"/>
      <c r="L150" s="393" t="s">
        <v>390</v>
      </c>
      <c r="M150" s="394"/>
      <c r="N150" s="394"/>
      <c r="O150" s="394"/>
      <c r="P150" s="394"/>
      <c r="Q150" s="394"/>
      <c r="R150" s="394"/>
      <c r="S150" s="394"/>
      <c r="T150" s="394"/>
      <c r="U150" s="394"/>
      <c r="V150" s="394"/>
      <c r="W150" s="394"/>
      <c r="X150" s="258"/>
      <c r="Y150" s="258"/>
      <c r="Z150" s="258"/>
      <c r="AA150" s="258"/>
      <c r="AB150" s="258"/>
      <c r="AC150" s="258"/>
      <c r="AD150" s="258"/>
      <c r="AE150" s="258"/>
    </row>
    <row r="151" spans="1:33" ht="40.5" customHeight="1">
      <c r="A151" s="37" t="s">
        <v>85</v>
      </c>
      <c r="B151" s="38" t="s">
        <v>86</v>
      </c>
      <c r="C151" s="39" t="s">
        <v>87</v>
      </c>
      <c r="D151" s="40" t="s">
        <v>88</v>
      </c>
      <c r="E151" s="38" t="s">
        <v>258</v>
      </c>
      <c r="F151" s="89" t="s">
        <v>318</v>
      </c>
      <c r="G151" s="38" t="s">
        <v>259</v>
      </c>
      <c r="H151" s="89" t="s">
        <v>319</v>
      </c>
      <c r="I151" s="38" t="s">
        <v>260</v>
      </c>
      <c r="J151" s="89" t="s">
        <v>320</v>
      </c>
      <c r="K151" s="38" t="s">
        <v>356</v>
      </c>
      <c r="L151" s="89" t="s">
        <v>321</v>
      </c>
      <c r="M151" s="65" t="s">
        <v>86</v>
      </c>
      <c r="N151" s="66" t="s">
        <v>87</v>
      </c>
      <c r="O151" s="67" t="s">
        <v>88</v>
      </c>
      <c r="P151" s="65" t="s">
        <v>426</v>
      </c>
      <c r="Q151" s="88" t="s">
        <v>427</v>
      </c>
      <c r="R151" s="65" t="s">
        <v>422</v>
      </c>
      <c r="S151" s="88" t="s">
        <v>424</v>
      </c>
      <c r="T151" s="65" t="s">
        <v>428</v>
      </c>
      <c r="U151" s="88" t="s">
        <v>429</v>
      </c>
      <c r="V151" s="65" t="s">
        <v>356</v>
      </c>
      <c r="W151" s="88" t="s">
        <v>370</v>
      </c>
    </row>
    <row r="152" spans="1:33" ht="55.5" customHeight="1">
      <c r="A152" s="41"/>
      <c r="B152" s="42" t="s">
        <v>89</v>
      </c>
      <c r="C152" s="43" t="s">
        <v>359</v>
      </c>
      <c r="D152" s="44" t="s">
        <v>91</v>
      </c>
      <c r="E152" s="42" t="s">
        <v>182</v>
      </c>
      <c r="F152" s="91" t="s">
        <v>104</v>
      </c>
      <c r="G152" s="42" t="s">
        <v>183</v>
      </c>
      <c r="H152" s="91" t="s">
        <v>104</v>
      </c>
      <c r="I152" s="42" t="s">
        <v>184</v>
      </c>
      <c r="J152" s="91" t="s">
        <v>104</v>
      </c>
      <c r="K152" s="42" t="s">
        <v>356</v>
      </c>
      <c r="L152" s="91" t="s">
        <v>104</v>
      </c>
      <c r="M152" s="68" t="s">
        <v>89</v>
      </c>
      <c r="N152" s="69" t="s">
        <v>358</v>
      </c>
      <c r="O152" s="70" t="s">
        <v>91</v>
      </c>
      <c r="P152" s="68" t="s">
        <v>421</v>
      </c>
      <c r="Q152" s="90" t="s">
        <v>104</v>
      </c>
      <c r="R152" s="68" t="s">
        <v>423</v>
      </c>
      <c r="S152" s="90" t="s">
        <v>104</v>
      </c>
      <c r="T152" s="68" t="s">
        <v>182</v>
      </c>
      <c r="U152" s="90" t="s">
        <v>104</v>
      </c>
      <c r="V152" s="68" t="s">
        <v>356</v>
      </c>
      <c r="W152" s="90" t="s">
        <v>104</v>
      </c>
    </row>
    <row r="153" spans="1:33">
      <c r="A153" s="45" t="s">
        <v>430</v>
      </c>
      <c r="B153" s="139">
        <v>10986</v>
      </c>
      <c r="C153" s="134">
        <v>3.84</v>
      </c>
      <c r="D153" s="135">
        <v>3.9199999999999999E-2</v>
      </c>
      <c r="E153" s="140">
        <v>0.372</v>
      </c>
      <c r="F153" s="94">
        <v>9.2213291604924599E-3</v>
      </c>
      <c r="G153" s="140">
        <v>0.20100000000000001</v>
      </c>
      <c r="H153" s="94">
        <v>7.6469900762182247E-3</v>
      </c>
      <c r="I153" s="140">
        <v>0.33300000000000002</v>
      </c>
      <c r="J153" s="94">
        <v>8.9915802829965766E-3</v>
      </c>
      <c r="K153" s="140">
        <v>9.5000000000000001E-2</v>
      </c>
      <c r="L153" s="94">
        <v>5.5978150464278675E-3</v>
      </c>
      <c r="M153" s="139">
        <v>11034</v>
      </c>
      <c r="N153" s="84">
        <v>4.9800000000000004</v>
      </c>
      <c r="O153" s="135">
        <v>3.9199999999999999E-2</v>
      </c>
      <c r="P153" s="98">
        <v>0.38100000000000001</v>
      </c>
      <c r="Q153" s="94">
        <v>9.244896666070538E-3</v>
      </c>
      <c r="R153" s="98">
        <v>0.36</v>
      </c>
      <c r="S153" s="94">
        <v>9.1377531917335442E-3</v>
      </c>
      <c r="T153" s="98">
        <v>0.16499999999999998</v>
      </c>
      <c r="U153" s="94">
        <v>7.0680261106335265E-3</v>
      </c>
      <c r="V153" s="98">
        <v>9.4E-2</v>
      </c>
      <c r="W153" s="94">
        <v>5.5592623804324786E-3</v>
      </c>
    </row>
    <row r="154" spans="1:33">
      <c r="A154" s="49" t="s">
        <v>431</v>
      </c>
      <c r="B154" s="141">
        <v>8843</v>
      </c>
      <c r="C154" s="137">
        <v>3.5580334017750359</v>
      </c>
      <c r="D154" s="138">
        <v>3.5205747215694458E-2</v>
      </c>
      <c r="E154" s="142">
        <v>0.44755025397974407</v>
      </c>
      <c r="F154" s="97">
        <v>1.0573078565918758E-2</v>
      </c>
      <c r="G154" s="142">
        <v>0.19560055590521888</v>
      </c>
      <c r="H154" s="97">
        <v>8.4366199320657278E-3</v>
      </c>
      <c r="I154" s="142">
        <v>0.26601356653352071</v>
      </c>
      <c r="J154" s="97">
        <v>9.3968638004405108E-3</v>
      </c>
      <c r="K154" s="142">
        <v>9.0835623581516298E-2</v>
      </c>
      <c r="L154" s="97">
        <v>6.1161607456334324E-3</v>
      </c>
      <c r="M154" s="141">
        <v>8886</v>
      </c>
      <c r="N154" s="137">
        <v>5.1718082437059056</v>
      </c>
      <c r="O154" s="138">
        <v>3.4378517326994228E-2</v>
      </c>
      <c r="P154" s="142">
        <v>0.43629160755960167</v>
      </c>
      <c r="Q154" s="97">
        <v>1.0519570755543177E-2</v>
      </c>
      <c r="R154" s="142">
        <v>0.34573865969498879</v>
      </c>
      <c r="S154" s="97">
        <v>1.0089026621869638E-2</v>
      </c>
      <c r="T154" s="142">
        <v>0.13416039792602819</v>
      </c>
      <c r="U154" s="97">
        <v>7.233275132119691E-3</v>
      </c>
      <c r="V154" s="142">
        <v>8.3809334819381284E-2</v>
      </c>
      <c r="W154" s="97">
        <v>5.8838081707965027E-3</v>
      </c>
    </row>
    <row r="155" spans="1:33">
      <c r="A155" s="45" t="s">
        <v>432</v>
      </c>
      <c r="B155" s="83">
        <v>1980</v>
      </c>
      <c r="C155" s="134">
        <v>4.33</v>
      </c>
      <c r="D155" s="135">
        <v>7.8399999999999997E-2</v>
      </c>
      <c r="E155" s="140">
        <v>0.24279999999999999</v>
      </c>
      <c r="F155" s="94">
        <v>1.9266521627966812E-2</v>
      </c>
      <c r="G155" s="140">
        <v>0.20399999999999999</v>
      </c>
      <c r="H155" s="94">
        <v>1.8113493799576698E-2</v>
      </c>
      <c r="I155" s="140">
        <v>0.43930000000000002</v>
      </c>
      <c r="J155" s="94">
        <v>2.2285281552332042E-2</v>
      </c>
      <c r="K155" s="140">
        <v>0.1139</v>
      </c>
      <c r="L155" s="94">
        <v>1.430706497763082E-2</v>
      </c>
      <c r="M155" s="83">
        <v>1986</v>
      </c>
      <c r="N155" s="84">
        <v>4.63</v>
      </c>
      <c r="O155" s="135">
        <v>7.8399999999999997E-2</v>
      </c>
      <c r="P155" s="98">
        <v>0.2752</v>
      </c>
      <c r="Q155" s="94">
        <v>2.0033535289778068E-2</v>
      </c>
      <c r="R155" s="98">
        <v>0.39749999999999996</v>
      </c>
      <c r="S155" s="94">
        <v>2.1942636210911051E-2</v>
      </c>
      <c r="T155" s="98">
        <v>0.20550000000000002</v>
      </c>
      <c r="U155" s="94">
        <v>1.8135063563790521E-2</v>
      </c>
      <c r="V155" s="98">
        <v>0.12189999999999999</v>
      </c>
      <c r="W155" s="94">
        <v>1.4707501548837085E-2</v>
      </c>
    </row>
    <row r="156" spans="1:33">
      <c r="A156" s="49" t="s">
        <v>433</v>
      </c>
      <c r="B156" s="141">
        <v>132</v>
      </c>
      <c r="C156" s="137">
        <v>4.9800000000000004</v>
      </c>
      <c r="D156" s="138">
        <v>0.25480000000000003</v>
      </c>
      <c r="E156" s="142">
        <v>0.156</v>
      </c>
      <c r="F156" s="97">
        <v>6.3829408304817065E-2</v>
      </c>
      <c r="G156" s="142">
        <v>0.125</v>
      </c>
      <c r="H156" s="97">
        <v>5.8793109565175777E-2</v>
      </c>
      <c r="I156" s="142">
        <v>0.59599999999999997</v>
      </c>
      <c r="J156" s="97">
        <v>8.4247210693697311E-2</v>
      </c>
      <c r="K156" s="142">
        <v>0.124</v>
      </c>
      <c r="L156" s="97">
        <v>5.8615882638898699E-2</v>
      </c>
      <c r="M156" s="141">
        <v>133</v>
      </c>
      <c r="N156" s="137">
        <v>3.62</v>
      </c>
      <c r="O156" s="138">
        <v>0.27440000000000003</v>
      </c>
      <c r="P156" s="142">
        <v>8.8999999999999996E-2</v>
      </c>
      <c r="Q156" s="97">
        <v>5.1488500594119621E-2</v>
      </c>
      <c r="R156" s="142">
        <v>0.38200000000000001</v>
      </c>
      <c r="S156" s="97">
        <v>8.3163230664169113E-2</v>
      </c>
      <c r="T156" s="142">
        <v>0.39500000000000002</v>
      </c>
      <c r="U156" s="97">
        <v>8.3641465835617199E-2</v>
      </c>
      <c r="V156" s="142">
        <v>0.13400000000000001</v>
      </c>
      <c r="W156" s="97">
        <v>6.0109888366641308E-2</v>
      </c>
    </row>
    <row r="157" spans="1:33">
      <c r="A157" s="45" t="s">
        <v>434</v>
      </c>
      <c r="B157" s="83">
        <v>3071</v>
      </c>
      <c r="C157" s="134">
        <v>4.01</v>
      </c>
      <c r="D157" s="135">
        <v>5.8799999999999998E-2</v>
      </c>
      <c r="E157" s="140">
        <v>0.34100000000000003</v>
      </c>
      <c r="F157" s="94">
        <v>1.7099792379435472E-2</v>
      </c>
      <c r="G157" s="140">
        <v>0.186</v>
      </c>
      <c r="H157" s="94">
        <v>1.4045702086396784E-2</v>
      </c>
      <c r="I157" s="140">
        <v>0.377</v>
      </c>
      <c r="J157" s="94">
        <v>1.7480687021158733E-2</v>
      </c>
      <c r="K157" s="140">
        <v>9.7000000000000003E-2</v>
      </c>
      <c r="L157" s="94">
        <v>1.069994317529498E-2</v>
      </c>
      <c r="M157" s="83">
        <v>3079</v>
      </c>
      <c r="N157" s="84">
        <v>4.83</v>
      </c>
      <c r="O157" s="135">
        <v>5.8799999999999998E-2</v>
      </c>
      <c r="P157" s="98">
        <v>0.35199999999999998</v>
      </c>
      <c r="Q157" s="94">
        <v>1.7205057802195719E-2</v>
      </c>
      <c r="R157" s="98">
        <v>0.36299999999999999</v>
      </c>
      <c r="S157" s="94">
        <v>1.7322555614248121E-2</v>
      </c>
      <c r="T157" s="98">
        <v>0.19</v>
      </c>
      <c r="U157" s="94">
        <v>1.4142099189442172E-2</v>
      </c>
      <c r="V157" s="98">
        <v>9.5000000000000001E-2</v>
      </c>
      <c r="W157" s="94">
        <v>1.0587684219311094E-2</v>
      </c>
    </row>
    <row r="158" spans="1:33">
      <c r="A158" s="49" t="s">
        <v>435</v>
      </c>
      <c r="B158" s="141">
        <v>2480</v>
      </c>
      <c r="C158" s="137">
        <v>3.8</v>
      </c>
      <c r="D158" s="138">
        <v>5.8799999999999998E-2</v>
      </c>
      <c r="E158" s="142">
        <v>0.39100000000000001</v>
      </c>
      <c r="F158" s="97">
        <v>1.958330951922618E-2</v>
      </c>
      <c r="G158" s="142">
        <v>0.17799999999999999</v>
      </c>
      <c r="H158" s="97">
        <v>1.5367199371679286E-2</v>
      </c>
      <c r="I158" s="142">
        <v>0.32300000000000001</v>
      </c>
      <c r="J158" s="97">
        <v>1.8769378276565742E-2</v>
      </c>
      <c r="K158" s="142">
        <v>0.107</v>
      </c>
      <c r="L158" s="97">
        <v>1.2436506685372261E-2</v>
      </c>
      <c r="M158" s="141">
        <v>2488</v>
      </c>
      <c r="N158" s="137">
        <v>4.8899999999999997</v>
      </c>
      <c r="O158" s="138">
        <v>5.8799999999999998E-2</v>
      </c>
      <c r="P158" s="142">
        <v>0.36799999999999999</v>
      </c>
      <c r="Q158" s="97">
        <v>1.9323714042639106E-2</v>
      </c>
      <c r="R158" s="142">
        <v>0.35199999999999998</v>
      </c>
      <c r="S158" s="97">
        <v>1.9137345159312463E-2</v>
      </c>
      <c r="T158" s="142">
        <v>0.17799999999999999</v>
      </c>
      <c r="U158" s="97">
        <v>1.534245710567512E-2</v>
      </c>
      <c r="V158" s="142">
        <v>0.10100000000000001</v>
      </c>
      <c r="W158" s="97">
        <v>1.2106381618169617E-2</v>
      </c>
    </row>
    <row r="159" spans="1:33">
      <c r="A159" s="45" t="s">
        <v>452</v>
      </c>
      <c r="B159" s="83">
        <v>93</v>
      </c>
      <c r="C159" s="134">
        <v>3.67</v>
      </c>
      <c r="D159" s="135">
        <v>0.31359999999999999</v>
      </c>
      <c r="E159" s="140">
        <v>0.39200000000000002</v>
      </c>
      <c r="F159" s="94">
        <v>9.9333478696247257E-2</v>
      </c>
      <c r="G159" s="140">
        <v>0.27900000000000003</v>
      </c>
      <c r="H159" s="94">
        <v>9.1966840643272735E-2</v>
      </c>
      <c r="I159" s="140">
        <v>0.245</v>
      </c>
      <c r="J159" s="94">
        <v>8.8568759849624798E-2</v>
      </c>
      <c r="K159" s="140">
        <v>8.5000000000000006E-2</v>
      </c>
      <c r="L159" s="94">
        <v>6.1488832338221527E-2</v>
      </c>
      <c r="M159" s="83">
        <v>93</v>
      </c>
      <c r="N159" s="84">
        <v>5.26</v>
      </c>
      <c r="O159" s="135">
        <v>0.29399999999999998</v>
      </c>
      <c r="P159" s="98">
        <v>0.46700000000000003</v>
      </c>
      <c r="Q159" s="94">
        <v>0.10133113271487092</v>
      </c>
      <c r="R159" s="98">
        <v>0.32400000000000001</v>
      </c>
      <c r="S159" s="94">
        <v>9.5577689450374009E-2</v>
      </c>
      <c r="T159" s="98">
        <v>0.13300000000000001</v>
      </c>
      <c r="U159" s="94">
        <v>7.2136849486033341E-2</v>
      </c>
      <c r="V159" s="98">
        <v>7.4999999999999997E-2</v>
      </c>
      <c r="W159" s="94">
        <v>5.8842706452848906E-2</v>
      </c>
    </row>
    <row r="160" spans="1:33">
      <c r="A160" s="49" t="s">
        <v>172</v>
      </c>
      <c r="B160" s="141">
        <v>245</v>
      </c>
      <c r="C160" s="137">
        <v>3.99</v>
      </c>
      <c r="D160" s="138">
        <v>0.21559999999999999</v>
      </c>
      <c r="E160" s="142">
        <v>0.36099999999999999</v>
      </c>
      <c r="F160" s="97">
        <v>6.0955546253412742E-2</v>
      </c>
      <c r="G160" s="142">
        <v>0.17699999999999999</v>
      </c>
      <c r="H160" s="97">
        <v>4.8923514203264296E-2</v>
      </c>
      <c r="I160" s="142">
        <v>0.38700000000000001</v>
      </c>
      <c r="J160" s="97">
        <v>6.1785735974030587E-2</v>
      </c>
      <c r="K160" s="142">
        <v>7.5999999999999998E-2</v>
      </c>
      <c r="L160" s="97">
        <v>3.4930462806614278E-2</v>
      </c>
      <c r="M160" s="141">
        <v>246</v>
      </c>
      <c r="N160" s="137">
        <v>4.87</v>
      </c>
      <c r="O160" s="138">
        <v>0.19600000000000001</v>
      </c>
      <c r="P160" s="142">
        <v>0.378</v>
      </c>
      <c r="Q160" s="97">
        <v>6.1395566966483822E-2</v>
      </c>
      <c r="R160" s="142">
        <v>0.38400000000000001</v>
      </c>
      <c r="S160" s="97">
        <v>6.1575468786067719E-2</v>
      </c>
      <c r="T160" s="142">
        <v>0.182</v>
      </c>
      <c r="U160" s="97">
        <v>4.9329274108748045E-2</v>
      </c>
      <c r="V160" s="142">
        <v>5.7000000000000002E-2</v>
      </c>
      <c r="W160" s="97">
        <v>3.0978890427127953E-2</v>
      </c>
    </row>
    <row r="161" spans="1:23" ht="25.5">
      <c r="A161" s="45" t="s">
        <v>436</v>
      </c>
      <c r="B161" s="83">
        <v>96</v>
      </c>
      <c r="C161" s="134">
        <v>3.66</v>
      </c>
      <c r="D161" s="135">
        <v>0.31359999999999999</v>
      </c>
      <c r="E161" s="140">
        <v>0.46700000000000003</v>
      </c>
      <c r="F161" s="94">
        <v>9.9799073663035573E-2</v>
      </c>
      <c r="G161" s="140">
        <v>0.186</v>
      </c>
      <c r="H161" s="94">
        <v>7.9783187802945049E-2</v>
      </c>
      <c r="I161" s="140">
        <v>0.27500000000000002</v>
      </c>
      <c r="J161" s="94">
        <v>9.0187360533502695E-2</v>
      </c>
      <c r="K161" s="140">
        <v>7.1999999999999995E-2</v>
      </c>
      <c r="L161" s="94">
        <v>5.6983374979023491E-2</v>
      </c>
      <c r="M161" s="83">
        <v>97</v>
      </c>
      <c r="N161" s="84">
        <v>4.99</v>
      </c>
      <c r="O161" s="135">
        <v>0.3332</v>
      </c>
      <c r="P161" s="98">
        <v>0.42699999999999999</v>
      </c>
      <c r="Q161" s="94">
        <v>9.8520690014520504E-2</v>
      </c>
      <c r="R161" s="98">
        <v>0.38600000000000001</v>
      </c>
      <c r="S161" s="94">
        <v>9.7088915510664078E-2</v>
      </c>
      <c r="T161" s="98">
        <v>0.14599999999999999</v>
      </c>
      <c r="U161" s="94">
        <v>7.2960986443092707E-2</v>
      </c>
      <c r="V161" s="98">
        <v>0.04</v>
      </c>
      <c r="W161" s="94">
        <v>4.6598562425927255E-2</v>
      </c>
    </row>
    <row r="162" spans="1:23" ht="25.5">
      <c r="A162" s="49" t="s">
        <v>437</v>
      </c>
      <c r="B162" s="141">
        <v>116</v>
      </c>
      <c r="C162" s="137">
        <v>3.98</v>
      </c>
      <c r="D162" s="138">
        <v>0.29399999999999998</v>
      </c>
      <c r="E162" s="142">
        <v>0.36899999999999999</v>
      </c>
      <c r="F162" s="97">
        <v>8.8310814530061746E-2</v>
      </c>
      <c r="G162" s="142">
        <v>0.20399999999999999</v>
      </c>
      <c r="H162" s="97">
        <v>7.486158684656094E-2</v>
      </c>
      <c r="I162" s="142">
        <v>0.36</v>
      </c>
      <c r="J162" s="97">
        <v>8.7879631483237505E-2</v>
      </c>
      <c r="K162" s="142">
        <v>6.8000000000000005E-2</v>
      </c>
      <c r="L162" s="97">
        <v>5.0203001238305803E-2</v>
      </c>
      <c r="M162" s="141">
        <v>116</v>
      </c>
      <c r="N162" s="137">
        <v>5.0199999999999996</v>
      </c>
      <c r="O162" s="138">
        <v>0.29399999999999998</v>
      </c>
      <c r="P162" s="142">
        <v>0.432</v>
      </c>
      <c r="Q162" s="97">
        <v>9.0494774966824995E-2</v>
      </c>
      <c r="R162" s="142">
        <v>0.34299999999999997</v>
      </c>
      <c r="S162" s="97">
        <v>8.6980242754487805E-2</v>
      </c>
      <c r="T162" s="142">
        <v>0.17499999999999999</v>
      </c>
      <c r="U162" s="97">
        <v>7.1016267046256271E-2</v>
      </c>
      <c r="V162" s="142">
        <v>5.0999999999999997E-2</v>
      </c>
      <c r="W162" s="97">
        <v>4.5319262113570631E-2</v>
      </c>
    </row>
    <row r="163" spans="1:23">
      <c r="A163" s="45" t="s">
        <v>453</v>
      </c>
      <c r="B163" s="139">
        <v>543</v>
      </c>
      <c r="C163" s="134">
        <v>4.2300000000000004</v>
      </c>
      <c r="D163" s="135">
        <v>0.13720000000000002</v>
      </c>
      <c r="E163" s="140">
        <v>0.29599999999999999</v>
      </c>
      <c r="F163" s="94">
        <v>3.9093046845718384E-2</v>
      </c>
      <c r="G163" s="140">
        <v>0.214</v>
      </c>
      <c r="H163" s="94">
        <v>3.5195553068557942E-2</v>
      </c>
      <c r="I163" s="140">
        <v>0.40300000000000002</v>
      </c>
      <c r="J163" s="94">
        <v>4.1956546306313965E-2</v>
      </c>
      <c r="K163" s="140">
        <v>8.6999999999999994E-2</v>
      </c>
      <c r="L163" s="94">
        <v>2.447496045986439E-2</v>
      </c>
      <c r="M163" s="139">
        <v>543</v>
      </c>
      <c r="N163" s="84">
        <v>4.41</v>
      </c>
      <c r="O163" s="135">
        <v>0.15679999999999999</v>
      </c>
      <c r="P163" s="98">
        <v>0.253</v>
      </c>
      <c r="Q163" s="94">
        <v>3.726284013895282E-2</v>
      </c>
      <c r="R163" s="98">
        <v>0.39200000000000002</v>
      </c>
      <c r="S163" s="94">
        <v>4.1762448685702294E-2</v>
      </c>
      <c r="T163" s="98">
        <v>0.26</v>
      </c>
      <c r="U163" s="94">
        <v>3.759101890497378E-2</v>
      </c>
      <c r="V163" s="98">
        <v>9.5000000000000001E-2</v>
      </c>
      <c r="W163" s="94">
        <v>2.5420073252803044E-2</v>
      </c>
    </row>
    <row r="164" spans="1:23" ht="25.5">
      <c r="A164" s="49" t="s">
        <v>438</v>
      </c>
      <c r="B164" s="141">
        <v>82</v>
      </c>
      <c r="C164" s="137">
        <v>3.46</v>
      </c>
      <c r="D164" s="138">
        <v>0.31359999999999999</v>
      </c>
      <c r="E164" s="142">
        <v>0.41899999999999998</v>
      </c>
      <c r="F164" s="97">
        <v>0.10653859044545039</v>
      </c>
      <c r="G164" s="142">
        <v>0.34200000000000003</v>
      </c>
      <c r="H164" s="97">
        <v>0.10282163991531607</v>
      </c>
      <c r="I164" s="142">
        <v>0.20300000000000001</v>
      </c>
      <c r="J164" s="97">
        <v>8.8870342729146748E-2</v>
      </c>
      <c r="K164" s="142">
        <v>3.5999999999999997E-2</v>
      </c>
      <c r="L164" s="97">
        <v>5.0239324104158718E-2</v>
      </c>
      <c r="M164" s="141">
        <v>81</v>
      </c>
      <c r="N164" s="137">
        <v>4.87</v>
      </c>
      <c r="O164" s="138">
        <v>0.3528</v>
      </c>
      <c r="P164" s="142">
        <v>0.34699999999999998</v>
      </c>
      <c r="Q164" s="97">
        <v>0.10375136795696323</v>
      </c>
      <c r="R164" s="142">
        <v>0.434</v>
      </c>
      <c r="S164" s="97">
        <v>0.10760370209362696</v>
      </c>
      <c r="T164" s="142">
        <v>0.182</v>
      </c>
      <c r="U164" s="97">
        <v>8.6274421407105797E-2</v>
      </c>
      <c r="V164" s="142">
        <v>3.6999999999999998E-2</v>
      </c>
      <c r="W164" s="97">
        <v>5.1028102377425263E-2</v>
      </c>
    </row>
    <row r="165" spans="1:23" ht="25.5">
      <c r="A165" s="45" t="s">
        <v>439</v>
      </c>
      <c r="B165" s="83">
        <v>79</v>
      </c>
      <c r="C165" s="134">
        <v>3.76</v>
      </c>
      <c r="D165" s="135">
        <v>0.39200000000000002</v>
      </c>
      <c r="E165" s="140">
        <v>0.48199999999999998</v>
      </c>
      <c r="F165" s="94">
        <v>0.10969980426593355</v>
      </c>
      <c r="G165" s="140">
        <v>0.128</v>
      </c>
      <c r="H165" s="94">
        <v>7.750097210471131E-2</v>
      </c>
      <c r="I165" s="140">
        <v>0.37</v>
      </c>
      <c r="J165" s="94">
        <v>0.10635010712697664</v>
      </c>
      <c r="K165" s="140">
        <v>0.02</v>
      </c>
      <c r="L165" s="94">
        <v>4.4598403432381709E-2</v>
      </c>
      <c r="M165" s="83">
        <v>80</v>
      </c>
      <c r="N165" s="84">
        <v>5.25</v>
      </c>
      <c r="O165" s="135">
        <v>0.37240000000000001</v>
      </c>
      <c r="P165" s="98">
        <v>0.46800000000000003</v>
      </c>
      <c r="Q165" s="94">
        <v>0.10890607613773022</v>
      </c>
      <c r="R165" s="98">
        <v>0.38900000000000001</v>
      </c>
      <c r="S165" s="94">
        <v>0.10664236846669616</v>
      </c>
      <c r="T165" s="98">
        <v>0.10400000000000001</v>
      </c>
      <c r="U165" s="94">
        <v>7.1635075641729495E-2</v>
      </c>
      <c r="V165" s="98">
        <v>3.9E-2</v>
      </c>
      <c r="W165" s="94">
        <v>5.2207091385045701E-2</v>
      </c>
    </row>
    <row r="166" spans="1:23">
      <c r="A166" s="49" t="s">
        <v>440</v>
      </c>
      <c r="B166" s="141">
        <v>79</v>
      </c>
      <c r="C166" s="137">
        <v>4.3499999999999996</v>
      </c>
      <c r="D166" s="138">
        <v>0.31359999999999999</v>
      </c>
      <c r="E166" s="142">
        <v>0.245</v>
      </c>
      <c r="F166" s="97">
        <v>9.5964714024372663E-2</v>
      </c>
      <c r="G166" s="142">
        <v>0.23400000000000001</v>
      </c>
      <c r="H166" s="97">
        <v>9.4652063300496275E-2</v>
      </c>
      <c r="I166" s="142">
        <v>0.48099999999999998</v>
      </c>
      <c r="J166" s="97">
        <v>0.10969244117188469</v>
      </c>
      <c r="K166" s="142">
        <v>0.04</v>
      </c>
      <c r="L166" s="97">
        <v>5.300771964011778E-2</v>
      </c>
      <c r="M166" s="141">
        <v>79</v>
      </c>
      <c r="N166" s="137">
        <v>4.4800000000000004</v>
      </c>
      <c r="O166" s="138">
        <v>0.31359999999999999</v>
      </c>
      <c r="P166" s="142">
        <v>0.20200000000000001</v>
      </c>
      <c r="Q166" s="97">
        <v>9.0393829238628973E-2</v>
      </c>
      <c r="R166" s="142">
        <v>0.57499999999999996</v>
      </c>
      <c r="S166" s="97">
        <v>0.10863980596210389</v>
      </c>
      <c r="T166" s="142">
        <v>0.214</v>
      </c>
      <c r="U166" s="97">
        <v>9.2070684492329455E-2</v>
      </c>
      <c r="V166" s="142">
        <v>8.0000000000000002E-3</v>
      </c>
      <c r="W166" s="97">
        <v>3.8467802707071203E-2</v>
      </c>
    </row>
    <row r="167" spans="1:23">
      <c r="A167" s="57" t="s">
        <v>441</v>
      </c>
      <c r="B167" s="139">
        <v>75</v>
      </c>
      <c r="C167" s="134">
        <v>5.81</v>
      </c>
      <c r="D167" s="135">
        <v>0.31359999999999999</v>
      </c>
      <c r="E167" s="140">
        <v>6.7000000000000004E-2</v>
      </c>
      <c r="F167" s="94">
        <v>6.4047673641067948E-2</v>
      </c>
      <c r="G167" s="140">
        <v>0.1</v>
      </c>
      <c r="H167" s="94">
        <v>7.3188620880432348E-2</v>
      </c>
      <c r="I167" s="140">
        <v>0.70499999999999996</v>
      </c>
      <c r="J167" s="94">
        <v>0.10363591505371557</v>
      </c>
      <c r="K167" s="140">
        <v>0.129</v>
      </c>
      <c r="L167" s="94">
        <v>7.9855711659718595E-2</v>
      </c>
      <c r="M167" s="139">
        <v>75</v>
      </c>
      <c r="N167" s="84">
        <v>2.92</v>
      </c>
      <c r="O167" s="135">
        <v>0.37240000000000001</v>
      </c>
      <c r="P167" s="98">
        <v>0.114</v>
      </c>
      <c r="Q167" s="94">
        <v>7.6542442175655478E-2</v>
      </c>
      <c r="R167" s="98">
        <v>0.15500000000000003</v>
      </c>
      <c r="S167" s="94">
        <v>8.5008717691583996E-2</v>
      </c>
      <c r="T167" s="98">
        <v>0.66399999999999992</v>
      </c>
      <c r="U167" s="94">
        <v>0.10691501238970075</v>
      </c>
      <c r="V167" s="98">
        <v>6.8000000000000005E-2</v>
      </c>
      <c r="W167" s="94">
        <v>6.4355101303044976E-2</v>
      </c>
    </row>
    <row r="168" spans="1:23" ht="25.5">
      <c r="A168" s="49" t="s">
        <v>442</v>
      </c>
      <c r="B168" s="141">
        <v>112</v>
      </c>
      <c r="C168" s="137">
        <v>3.35</v>
      </c>
      <c r="D168" s="138">
        <v>0.3332</v>
      </c>
      <c r="E168" s="142">
        <v>0.47599999999999998</v>
      </c>
      <c r="F168" s="97">
        <v>9.2747904379894802E-2</v>
      </c>
      <c r="G168" s="142">
        <v>0.21199999999999999</v>
      </c>
      <c r="H168" s="97">
        <v>7.7164770060492396E-2</v>
      </c>
      <c r="I168" s="142">
        <v>0.27100000000000002</v>
      </c>
      <c r="J168" s="97">
        <v>8.3276288209484184E-2</v>
      </c>
      <c r="K168" s="142">
        <v>4.1000000000000002E-2</v>
      </c>
      <c r="L168" s="97">
        <v>4.2990861760657244E-2</v>
      </c>
      <c r="M168" s="141">
        <v>114</v>
      </c>
      <c r="N168" s="137">
        <v>5.38</v>
      </c>
      <c r="O168" s="138">
        <v>0.3332</v>
      </c>
      <c r="P168" s="142">
        <v>0.44900000000000001</v>
      </c>
      <c r="Q168" s="97">
        <v>9.1609404851124426E-2</v>
      </c>
      <c r="R168" s="142">
        <v>0.38200000000000001</v>
      </c>
      <c r="S168" s="97">
        <v>8.9632772456870291E-2</v>
      </c>
      <c r="T168" s="142">
        <v>0.11699999999999999</v>
      </c>
      <c r="U168" s="97">
        <v>6.1915047687652089E-2</v>
      </c>
      <c r="V168" s="142">
        <v>5.2999999999999999E-2</v>
      </c>
      <c r="W168" s="97">
        <v>4.6398339150942651E-2</v>
      </c>
    </row>
    <row r="169" spans="1:23">
      <c r="A169" s="57" t="s">
        <v>443</v>
      </c>
      <c r="B169" s="139">
        <v>171</v>
      </c>
      <c r="C169" s="134">
        <v>4.1399999999999997</v>
      </c>
      <c r="D169" s="135">
        <v>0.23519999999999999</v>
      </c>
      <c r="E169" s="140">
        <v>0.28899999999999998</v>
      </c>
      <c r="F169" s="94">
        <v>6.8866908622068623E-2</v>
      </c>
      <c r="G169" s="140">
        <v>0.23200000000000001</v>
      </c>
      <c r="H169" s="94">
        <v>6.4395538174030598E-2</v>
      </c>
      <c r="I169" s="140">
        <v>0.34300000000000003</v>
      </c>
      <c r="J169" s="94">
        <v>7.1946795196557528E-2</v>
      </c>
      <c r="K169" s="140">
        <v>0.13600000000000001</v>
      </c>
      <c r="L169" s="94">
        <v>5.3128789634246332E-2</v>
      </c>
      <c r="M169" s="139">
        <v>170</v>
      </c>
      <c r="N169" s="84">
        <v>4.4000000000000004</v>
      </c>
      <c r="O169" s="135">
        <v>0.23519999999999999</v>
      </c>
      <c r="P169" s="98">
        <v>0.20899999999999999</v>
      </c>
      <c r="Q169" s="94">
        <v>6.2361133604675656E-2</v>
      </c>
      <c r="R169" s="98">
        <v>0.379</v>
      </c>
      <c r="S169" s="94">
        <v>7.3660359444285992E-2</v>
      </c>
      <c r="T169" s="98">
        <v>0.22</v>
      </c>
      <c r="U169" s="94">
        <v>6.3456594911682748E-2</v>
      </c>
      <c r="V169" s="98">
        <v>0.191</v>
      </c>
      <c r="W169" s="94">
        <v>6.0431108692988504E-2</v>
      </c>
    </row>
    <row r="170" spans="1:23">
      <c r="A170" s="49" t="s">
        <v>455</v>
      </c>
      <c r="B170" s="141">
        <v>150</v>
      </c>
      <c r="C170" s="137">
        <v>3.04</v>
      </c>
      <c r="D170" s="138">
        <v>0.23519999999999999</v>
      </c>
      <c r="E170" s="142">
        <v>0.54800000000000004</v>
      </c>
      <c r="F170" s="97">
        <v>8.0229238754444529E-2</v>
      </c>
      <c r="G170" s="142">
        <v>0.22600000000000001</v>
      </c>
      <c r="H170" s="97">
        <v>6.8142974582905913E-2</v>
      </c>
      <c r="I170" s="142">
        <v>0.109</v>
      </c>
      <c r="J170" s="97">
        <v>5.2212783666119505E-2</v>
      </c>
      <c r="K170" s="142">
        <v>0.11700000000000001</v>
      </c>
      <c r="L170" s="97">
        <v>5.3654073338703541E-2</v>
      </c>
      <c r="M170" s="141">
        <v>150</v>
      </c>
      <c r="N170" s="137">
        <v>5.68</v>
      </c>
      <c r="O170" s="138">
        <v>0.23519999999999999</v>
      </c>
      <c r="P170" s="142">
        <v>0.53600000000000003</v>
      </c>
      <c r="Q170" s="97">
        <v>8.0383892282053476E-2</v>
      </c>
      <c r="R170" s="142">
        <v>0.33599999999999997</v>
      </c>
      <c r="S170" s="97">
        <v>7.6359207410204688E-2</v>
      </c>
      <c r="T170" s="142">
        <v>4.8000000000000001E-2</v>
      </c>
      <c r="U170" s="97">
        <v>3.8196811285429337E-2</v>
      </c>
      <c r="V170" s="142">
        <v>7.9000000000000001E-2</v>
      </c>
      <c r="W170" s="97">
        <v>4.6107370183081961E-2</v>
      </c>
    </row>
    <row r="171" spans="1:23">
      <c r="A171" s="57" t="s">
        <v>444</v>
      </c>
      <c r="B171" s="139">
        <v>89</v>
      </c>
      <c r="C171" s="134">
        <v>3.01</v>
      </c>
      <c r="D171" s="135">
        <v>0.29399999999999998</v>
      </c>
      <c r="E171" s="140">
        <v>0.56399999999999995</v>
      </c>
      <c r="F171" s="94">
        <v>0.10291425949953481</v>
      </c>
      <c r="G171" s="140">
        <v>0.219</v>
      </c>
      <c r="H171" s="94">
        <v>8.7420691473144463E-2</v>
      </c>
      <c r="I171" s="140">
        <v>0.104</v>
      </c>
      <c r="J171" s="94">
        <v>6.7643420098930915E-2</v>
      </c>
      <c r="K171" s="140">
        <v>0.113</v>
      </c>
      <c r="L171" s="94">
        <v>6.9665033713741387E-2</v>
      </c>
      <c r="M171" s="139">
        <v>89</v>
      </c>
      <c r="N171" s="84">
        <v>5.74</v>
      </c>
      <c r="O171" s="135">
        <v>0.31359999999999999</v>
      </c>
      <c r="P171" s="98">
        <v>0.58599999999999997</v>
      </c>
      <c r="Q171" s="94">
        <v>0.10228077169476807</v>
      </c>
      <c r="R171" s="98">
        <v>0.28800000000000003</v>
      </c>
      <c r="S171" s="94">
        <v>9.4775117535589051E-2</v>
      </c>
      <c r="T171" s="98">
        <v>5.8999999999999997E-2</v>
      </c>
      <c r="U171" s="94">
        <v>5.5605667365281282E-2</v>
      </c>
      <c r="V171" s="98">
        <v>6.5000000000000002E-2</v>
      </c>
      <c r="W171" s="94">
        <v>5.7437153060045668E-2</v>
      </c>
    </row>
    <row r="172" spans="1:23">
      <c r="A172" s="49" t="s">
        <v>454</v>
      </c>
      <c r="B172" s="141">
        <v>256</v>
      </c>
      <c r="C172" s="137">
        <v>3.24</v>
      </c>
      <c r="D172" s="138">
        <v>0.21559999999999999</v>
      </c>
      <c r="E172" s="142">
        <v>0.52100000000000002</v>
      </c>
      <c r="F172" s="97">
        <v>6.1964315394745978E-2</v>
      </c>
      <c r="G172" s="142">
        <v>0.152</v>
      </c>
      <c r="H172" s="97">
        <v>4.5165271419266011E-2</v>
      </c>
      <c r="I172" s="142">
        <v>0.22500000000000001</v>
      </c>
      <c r="J172" s="97">
        <v>5.2136510707452351E-2</v>
      </c>
      <c r="K172" s="142">
        <v>0.10199999999999999</v>
      </c>
      <c r="L172" s="97">
        <v>3.8517224350784501E-2</v>
      </c>
      <c r="M172" s="141">
        <v>259</v>
      </c>
      <c r="N172" s="137">
        <v>5.18</v>
      </c>
      <c r="O172" s="138">
        <v>0.21559999999999999</v>
      </c>
      <c r="P172" s="142">
        <v>0.41</v>
      </c>
      <c r="Q172" s="97">
        <v>6.0686129379176341E-2</v>
      </c>
      <c r="R172" s="142">
        <v>0.36099999999999999</v>
      </c>
      <c r="S172" s="97">
        <v>5.9306799376954142E-2</v>
      </c>
      <c r="T172" s="142">
        <v>0.12</v>
      </c>
      <c r="U172" s="97">
        <v>4.08947444615042E-2</v>
      </c>
      <c r="V172" s="142">
        <v>0.109</v>
      </c>
      <c r="W172" s="97">
        <v>3.9335547555533132E-2</v>
      </c>
    </row>
    <row r="173" spans="1:23" ht="38.25">
      <c r="A173" s="57" t="s">
        <v>445</v>
      </c>
      <c r="B173" s="139">
        <v>111</v>
      </c>
      <c r="C173" s="134">
        <v>3.25</v>
      </c>
      <c r="D173" s="135">
        <v>0.29399999999999998</v>
      </c>
      <c r="E173" s="140">
        <v>0.54300000000000004</v>
      </c>
      <c r="F173" s="94">
        <v>9.292865690111185E-2</v>
      </c>
      <c r="G173" s="140">
        <v>0.18099999999999999</v>
      </c>
      <c r="H173" s="94">
        <v>7.3471653827627159E-2</v>
      </c>
      <c r="I173" s="140">
        <v>0.21199999999999999</v>
      </c>
      <c r="J173" s="94">
        <v>7.7510317801317355E-2</v>
      </c>
      <c r="K173" s="140">
        <v>6.4000000000000001E-2</v>
      </c>
      <c r="L173" s="94">
        <v>5.0354598510853832E-2</v>
      </c>
      <c r="M173" s="139">
        <v>112</v>
      </c>
      <c r="N173" s="84">
        <v>5.13</v>
      </c>
      <c r="O173" s="135">
        <v>0.3332</v>
      </c>
      <c r="P173" s="98">
        <v>0.44600000000000001</v>
      </c>
      <c r="Q173" s="94">
        <v>9.2341501886213109E-2</v>
      </c>
      <c r="R173" s="98">
        <v>0.375</v>
      </c>
      <c r="S173" s="94">
        <v>9.0102242142557104E-2</v>
      </c>
      <c r="T173" s="98">
        <v>0.11700000000000001</v>
      </c>
      <c r="U173" s="94">
        <v>6.249222314156868E-2</v>
      </c>
      <c r="V173" s="98">
        <v>6.3E-2</v>
      </c>
      <c r="W173" s="94">
        <v>4.9818360463999678E-2</v>
      </c>
    </row>
    <row r="174" spans="1:23" ht="25.5">
      <c r="A174" s="49" t="s">
        <v>471</v>
      </c>
      <c r="B174" s="141">
        <v>90</v>
      </c>
      <c r="C174" s="137">
        <v>3.31</v>
      </c>
      <c r="D174" s="138">
        <v>0.37240000000000001</v>
      </c>
      <c r="E174" s="142">
        <v>0.49099999999999999</v>
      </c>
      <c r="F174" s="97">
        <v>0.10312680625251297</v>
      </c>
      <c r="G174" s="142">
        <v>0.10100000000000001</v>
      </c>
      <c r="H174" s="97">
        <v>6.6543776737383861E-2</v>
      </c>
      <c r="I174" s="142">
        <v>0.224</v>
      </c>
      <c r="J174" s="97">
        <v>8.7560101256099879E-2</v>
      </c>
      <c r="K174" s="142">
        <v>0.184</v>
      </c>
      <c r="L174" s="97">
        <v>8.2116048220199911E-2</v>
      </c>
      <c r="M174" s="141">
        <v>91</v>
      </c>
      <c r="N174" s="137">
        <v>4.8499999999999996</v>
      </c>
      <c r="O174" s="138">
        <v>0.37240000000000001</v>
      </c>
      <c r="P174" s="142">
        <v>0.316</v>
      </c>
      <c r="Q174" s="97">
        <v>9.6012062808245938E-2</v>
      </c>
      <c r="R174" s="142">
        <v>0.33799999999999997</v>
      </c>
      <c r="S174" s="97">
        <v>9.7531532130546064E-2</v>
      </c>
      <c r="T174" s="142">
        <v>0.159</v>
      </c>
      <c r="U174" s="97">
        <v>7.7678130789276059E-2</v>
      </c>
      <c r="V174" s="142">
        <v>0.188</v>
      </c>
      <c r="W174" s="97">
        <v>8.2252707612624001E-2</v>
      </c>
    </row>
    <row r="175" spans="1:23" ht="25.5">
      <c r="A175" s="57" t="s">
        <v>442</v>
      </c>
      <c r="B175" s="139">
        <v>112</v>
      </c>
      <c r="C175" s="134">
        <v>3.35</v>
      </c>
      <c r="D175" s="135">
        <v>0.3332</v>
      </c>
      <c r="E175" s="140">
        <v>0.47599999999999998</v>
      </c>
      <c r="F175" s="94">
        <v>9.2747904379894802E-2</v>
      </c>
      <c r="G175" s="140">
        <v>0.21199999999999999</v>
      </c>
      <c r="H175" s="94">
        <v>7.7164770060492396E-2</v>
      </c>
      <c r="I175" s="140">
        <v>0.27100000000000002</v>
      </c>
      <c r="J175" s="94">
        <v>8.3276288209484184E-2</v>
      </c>
      <c r="K175" s="140">
        <v>4.1000000000000002E-2</v>
      </c>
      <c r="L175" s="94">
        <v>4.2990861760657244E-2</v>
      </c>
      <c r="M175" s="139">
        <v>114</v>
      </c>
      <c r="N175" s="84">
        <v>5.38</v>
      </c>
      <c r="O175" s="135">
        <v>0.3332</v>
      </c>
      <c r="P175" s="98">
        <v>0.44900000000000001</v>
      </c>
      <c r="Q175" s="94">
        <v>9.1609404851124426E-2</v>
      </c>
      <c r="R175" s="98">
        <v>0.38200000000000001</v>
      </c>
      <c r="S175" s="94">
        <v>8.9632772456870291E-2</v>
      </c>
      <c r="T175" s="98">
        <v>0.11699999999999999</v>
      </c>
      <c r="U175" s="94">
        <v>6.1915047687652089E-2</v>
      </c>
      <c r="V175" s="98">
        <v>5.2999999999999999E-2</v>
      </c>
      <c r="W175" s="94">
        <v>4.6398339150942651E-2</v>
      </c>
    </row>
  </sheetData>
  <mergeCells count="19">
    <mergeCell ref="A119:S119"/>
    <mergeCell ref="A120:S120"/>
    <mergeCell ref="K121:S121"/>
    <mergeCell ref="B121:J121"/>
    <mergeCell ref="L150:W150"/>
    <mergeCell ref="B150:K150"/>
    <mergeCell ref="A149:W149"/>
    <mergeCell ref="B34:H34"/>
    <mergeCell ref="A90:D90"/>
    <mergeCell ref="A91:D91"/>
    <mergeCell ref="A92:D92"/>
    <mergeCell ref="B63:H63"/>
    <mergeCell ref="A62:H62"/>
    <mergeCell ref="A61:H61"/>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S204"/>
  <sheetViews>
    <sheetView topLeftCell="A169" zoomScaleNormal="100" workbookViewId="0">
      <selection activeCell="A178" sqref="A178:J178"/>
    </sheetView>
  </sheetViews>
  <sheetFormatPr defaultColWidth="16.5703125" defaultRowHeight="15"/>
  <cols>
    <col min="1" max="1" width="36.28515625" customWidth="1"/>
  </cols>
  <sheetData>
    <row r="1" spans="1:15" ht="31.5">
      <c r="A1" s="33" t="s">
        <v>41</v>
      </c>
    </row>
    <row r="3" spans="1:15" ht="18.75">
      <c r="A3" s="367" t="s">
        <v>3</v>
      </c>
      <c r="B3" s="367"/>
      <c r="C3" s="367"/>
      <c r="D3" s="367"/>
      <c r="E3" s="367"/>
      <c r="F3" s="367"/>
      <c r="G3" s="367"/>
      <c r="H3" s="367"/>
      <c r="I3" s="367"/>
      <c r="J3" s="367"/>
      <c r="K3" s="367"/>
      <c r="L3" s="367"/>
      <c r="M3" s="367"/>
      <c r="N3" s="367"/>
      <c r="O3" s="367"/>
    </row>
    <row r="4" spans="1:15" ht="42" customHeight="1">
      <c r="A4" s="411" t="s">
        <v>490</v>
      </c>
      <c r="B4" s="411"/>
      <c r="C4" s="411"/>
      <c r="D4" s="411"/>
      <c r="E4" s="411"/>
      <c r="F4" s="411"/>
      <c r="G4" s="411"/>
      <c r="H4" s="411"/>
      <c r="I4" s="411"/>
      <c r="J4" s="411"/>
      <c r="K4" s="411"/>
      <c r="L4" s="411"/>
      <c r="M4" s="411"/>
      <c r="N4" s="411"/>
      <c r="O4" s="411"/>
    </row>
    <row r="5" spans="1:15" ht="15.75">
      <c r="A5" s="409" t="s">
        <v>135</v>
      </c>
      <c r="B5" s="409"/>
      <c r="C5" s="409"/>
      <c r="D5" s="409"/>
      <c r="E5" s="410" t="s">
        <v>31</v>
      </c>
      <c r="F5" s="410"/>
      <c r="G5" s="410"/>
      <c r="H5" s="410"/>
      <c r="I5" s="410"/>
      <c r="J5" s="410"/>
      <c r="K5" s="410"/>
      <c r="L5" s="410"/>
      <c r="M5" s="410"/>
      <c r="N5" s="410"/>
      <c r="O5" s="410"/>
    </row>
    <row r="6" spans="1:15" ht="72">
      <c r="A6" s="37" t="s">
        <v>85</v>
      </c>
      <c r="B6" s="38" t="s">
        <v>86</v>
      </c>
      <c r="C6" s="39" t="s">
        <v>87</v>
      </c>
      <c r="D6" s="40" t="s">
        <v>88</v>
      </c>
      <c r="E6" s="65" t="s">
        <v>86</v>
      </c>
      <c r="F6" s="65" t="s">
        <v>362</v>
      </c>
      <c r="G6" s="88" t="s">
        <v>162</v>
      </c>
      <c r="H6" s="65" t="s">
        <v>363</v>
      </c>
      <c r="I6" s="88" t="s">
        <v>223</v>
      </c>
      <c r="J6" s="65" t="s">
        <v>364</v>
      </c>
      <c r="K6" s="88" t="s">
        <v>225</v>
      </c>
      <c r="L6" s="65" t="s">
        <v>365</v>
      </c>
      <c r="M6" s="88" t="s">
        <v>226</v>
      </c>
      <c r="N6" s="65" t="s">
        <v>366</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0</v>
      </c>
      <c r="B8" s="143">
        <v>8917</v>
      </c>
      <c r="C8" s="144">
        <v>3.25</v>
      </c>
      <c r="D8" s="130">
        <v>1.9599999999999999E-2</v>
      </c>
      <c r="E8" s="122">
        <v>8917</v>
      </c>
      <c r="F8" s="145">
        <v>0.05</v>
      </c>
      <c r="G8" s="94">
        <v>4.6237934270870803E-3</v>
      </c>
      <c r="H8" s="146">
        <v>0.182</v>
      </c>
      <c r="I8" s="94">
        <v>8.1727416690349861E-3</v>
      </c>
      <c r="J8" s="146">
        <v>0.33</v>
      </c>
      <c r="K8" s="94">
        <v>9.9573332700060076E-3</v>
      </c>
      <c r="L8" s="146">
        <v>0.33800000000000002</v>
      </c>
      <c r="M8" s="94">
        <v>1.0016901517968137E-2</v>
      </c>
      <c r="N8" s="146">
        <v>9.9000000000000005E-2</v>
      </c>
      <c r="O8" s="94">
        <v>6.3292740295217663E-3</v>
      </c>
    </row>
    <row r="9" spans="1:15">
      <c r="A9" s="49" t="s">
        <v>431</v>
      </c>
      <c r="B9" s="147">
        <v>8330</v>
      </c>
      <c r="C9" s="148">
        <v>3.26</v>
      </c>
      <c r="D9" s="132">
        <v>1.9599999999999999E-2</v>
      </c>
      <c r="E9" s="125">
        <v>8330</v>
      </c>
      <c r="F9" s="149">
        <v>0.05</v>
      </c>
      <c r="G9" s="97">
        <v>4.7845011054731337E-3</v>
      </c>
      <c r="H9" s="150">
        <v>0.182</v>
      </c>
      <c r="I9" s="97">
        <v>8.4558466709438972E-3</v>
      </c>
      <c r="J9" s="150">
        <v>0.33</v>
      </c>
      <c r="K9" s="97">
        <v>1.0302078539466658E-2</v>
      </c>
      <c r="L9" s="150">
        <v>0.33600000000000002</v>
      </c>
      <c r="M9" s="97">
        <v>1.0348610641627292E-2</v>
      </c>
      <c r="N9" s="150">
        <v>0.10100000000000001</v>
      </c>
      <c r="O9" s="97">
        <v>6.6070692504178515E-3</v>
      </c>
    </row>
    <row r="10" spans="1:15">
      <c r="A10" s="45" t="s">
        <v>432</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3</v>
      </c>
      <c r="B11" s="147">
        <v>95</v>
      </c>
      <c r="C11" s="148">
        <v>3.11</v>
      </c>
      <c r="D11" s="132">
        <v>0.21559999999999999</v>
      </c>
      <c r="E11" s="125">
        <v>95</v>
      </c>
      <c r="F11" s="149">
        <v>7.6999999999999999E-2</v>
      </c>
      <c r="G11" s="97">
        <v>5.8685193327216216E-2</v>
      </c>
      <c r="H11" s="150">
        <v>0.155</v>
      </c>
      <c r="I11" s="97">
        <v>7.531720801264187E-2</v>
      </c>
      <c r="J11" s="150">
        <v>0.41099999999999998</v>
      </c>
      <c r="K11" s="97">
        <v>9.9026809936341401E-2</v>
      </c>
      <c r="L11" s="150">
        <v>0.29499999999999998</v>
      </c>
      <c r="M11" s="97">
        <v>9.2398424568229401E-2</v>
      </c>
      <c r="N11" s="150">
        <v>6.0999999999999999E-2</v>
      </c>
      <c r="O11" s="97">
        <v>5.4137050071807274E-2</v>
      </c>
    </row>
    <row r="12" spans="1:15">
      <c r="A12" s="45" t="s">
        <v>434</v>
      </c>
      <c r="B12" s="54">
        <v>2434</v>
      </c>
      <c r="C12" s="55">
        <v>3.27</v>
      </c>
      <c r="D12" s="56">
        <v>3.9199999999999999E-2</v>
      </c>
      <c r="E12" s="83">
        <v>2434</v>
      </c>
      <c r="F12" s="98">
        <v>0.05</v>
      </c>
      <c r="G12" s="94">
        <v>8.8894342330358509E-3</v>
      </c>
      <c r="H12" s="98">
        <v>0.17699999999999999</v>
      </c>
      <c r="I12" s="94">
        <v>1.5477791762467498E-2</v>
      </c>
      <c r="J12" s="98">
        <v>0.32700000000000001</v>
      </c>
      <c r="K12" s="94">
        <v>1.9006027617907411E-2</v>
      </c>
      <c r="L12" s="98">
        <v>0.34200000000000003</v>
      </c>
      <c r="M12" s="94">
        <v>1.9218439033723288E-2</v>
      </c>
      <c r="N12" s="98">
        <v>0.104</v>
      </c>
      <c r="O12" s="94">
        <v>1.2398771438362311E-2</v>
      </c>
    </row>
    <row r="13" spans="1:15">
      <c r="A13" s="49" t="s">
        <v>435</v>
      </c>
      <c r="B13" s="147">
        <v>2380</v>
      </c>
      <c r="C13" s="148">
        <v>3.27</v>
      </c>
      <c r="D13" s="132">
        <v>3.9199999999999999E-2</v>
      </c>
      <c r="E13" s="125">
        <v>2380</v>
      </c>
      <c r="F13" s="149">
        <v>0.05</v>
      </c>
      <c r="G13" s="97">
        <v>8.9909499731068137E-3</v>
      </c>
      <c r="H13" s="150">
        <v>0.17799999999999999</v>
      </c>
      <c r="I13" s="97">
        <v>1.5686935154990634E-2</v>
      </c>
      <c r="J13" s="150">
        <v>0.32600000000000001</v>
      </c>
      <c r="K13" s="97">
        <v>1.920507099223432E-2</v>
      </c>
      <c r="L13" s="150">
        <v>0.34100000000000003</v>
      </c>
      <c r="M13" s="97">
        <v>1.9421316231413164E-2</v>
      </c>
      <c r="N13" s="150">
        <v>0.106</v>
      </c>
      <c r="O13" s="97">
        <v>1.2644101547869746E-2</v>
      </c>
    </row>
    <row r="14" spans="1:15">
      <c r="A14" s="45" t="s">
        <v>452</v>
      </c>
      <c r="B14" s="54">
        <v>38</v>
      </c>
      <c r="C14" s="55">
        <v>3.33</v>
      </c>
      <c r="D14" s="56">
        <v>0.25480000000000003</v>
      </c>
      <c r="E14" s="83">
        <v>38</v>
      </c>
      <c r="F14" s="98">
        <v>0</v>
      </c>
      <c r="G14" s="94">
        <v>6.5720529461176583E-2</v>
      </c>
      <c r="H14" s="98">
        <v>0.16700000000000001</v>
      </c>
      <c r="I14" s="94">
        <v>0.12314409614730948</v>
      </c>
      <c r="J14" s="98">
        <v>0.379</v>
      </c>
      <c r="K14" s="94">
        <v>0.15055926335747277</v>
      </c>
      <c r="L14" s="98">
        <v>0.41799999999999998</v>
      </c>
      <c r="M14" s="94">
        <v>0.15259525463589413</v>
      </c>
      <c r="N14" s="98">
        <v>3.6999999999999998E-2</v>
      </c>
      <c r="O14" s="94">
        <v>8.4243863958275614E-2</v>
      </c>
    </row>
    <row r="15" spans="1:15">
      <c r="A15" s="49" t="s">
        <v>172</v>
      </c>
      <c r="B15" s="147">
        <v>225</v>
      </c>
      <c r="C15" s="148">
        <v>3.37</v>
      </c>
      <c r="D15" s="132">
        <v>0.1176</v>
      </c>
      <c r="E15" s="125">
        <v>225</v>
      </c>
      <c r="F15" s="149">
        <v>3.2000000000000001E-2</v>
      </c>
      <c r="G15" s="97">
        <v>2.5952818520561225E-2</v>
      </c>
      <c r="H15" s="150">
        <v>0.11700000000000001</v>
      </c>
      <c r="I15" s="97">
        <v>4.3511932014986238E-2</v>
      </c>
      <c r="J15" s="150">
        <v>0.38900000000000001</v>
      </c>
      <c r="K15" s="97">
        <v>6.4490704621362402E-2</v>
      </c>
      <c r="L15" s="150">
        <v>0.372</v>
      </c>
      <c r="M15" s="97">
        <v>6.3957323103850189E-2</v>
      </c>
      <c r="N15" s="150">
        <v>0.09</v>
      </c>
      <c r="O15" s="97">
        <v>3.9143940167734217E-2</v>
      </c>
    </row>
    <row r="16" spans="1:15" ht="25.5">
      <c r="A16" s="45" t="s">
        <v>436</v>
      </c>
      <c r="B16" s="54">
        <v>93</v>
      </c>
      <c r="C16" s="55">
        <v>3.33</v>
      </c>
      <c r="D16" s="56">
        <v>0.19600000000000001</v>
      </c>
      <c r="E16" s="83">
        <v>93</v>
      </c>
      <c r="F16" s="98">
        <v>0.03</v>
      </c>
      <c r="G16" s="94">
        <v>4.3997617722143868E-2</v>
      </c>
      <c r="H16" s="98">
        <v>0.14799999999999999</v>
      </c>
      <c r="I16" s="94">
        <v>7.4916912851118941E-2</v>
      </c>
      <c r="J16" s="98">
        <v>0.36899999999999999</v>
      </c>
      <c r="K16" s="94">
        <v>9.8279038453455564E-2</v>
      </c>
      <c r="L16" s="98">
        <v>0.36399999999999999</v>
      </c>
      <c r="M16" s="94">
        <v>9.8021245511056246E-2</v>
      </c>
      <c r="N16" s="98">
        <v>8.8999999999999996E-2</v>
      </c>
      <c r="O16" s="94">
        <v>6.2498949693861355E-2</v>
      </c>
    </row>
    <row r="17" spans="1:19" ht="25.5">
      <c r="A17" s="49" t="s">
        <v>437</v>
      </c>
      <c r="B17" s="147">
        <v>105</v>
      </c>
      <c r="C17" s="148">
        <v>3.2</v>
      </c>
      <c r="D17" s="132">
        <v>0.1764</v>
      </c>
      <c r="E17" s="125">
        <v>105</v>
      </c>
      <c r="F17" s="149">
        <v>5.1999999999999998E-2</v>
      </c>
      <c r="G17" s="97">
        <v>4.8370239975335551E-2</v>
      </c>
      <c r="H17" s="150">
        <v>0.13300000000000001</v>
      </c>
      <c r="I17" s="97">
        <v>6.7732622507247889E-2</v>
      </c>
      <c r="J17" s="150">
        <v>0.442</v>
      </c>
      <c r="K17" s="97">
        <v>9.5182753974121251E-2</v>
      </c>
      <c r="L17" s="150">
        <v>0.307</v>
      </c>
      <c r="M17" s="97">
        <v>8.891490804479113E-2</v>
      </c>
      <c r="N17" s="150">
        <v>6.6000000000000003E-2</v>
      </c>
      <c r="O17" s="97">
        <v>5.253732157573001E-2</v>
      </c>
    </row>
    <row r="18" spans="1:19">
      <c r="A18" s="45" t="s">
        <v>453</v>
      </c>
      <c r="B18" s="143">
        <v>515</v>
      </c>
      <c r="C18" s="144">
        <v>3.27</v>
      </c>
      <c r="D18" s="130">
        <v>9.8000000000000004E-2</v>
      </c>
      <c r="E18" s="122">
        <v>515</v>
      </c>
      <c r="F18" s="145">
        <v>5.1999999999999998E-2</v>
      </c>
      <c r="G18" s="94">
        <v>2.0091847192939077E-2</v>
      </c>
      <c r="H18" s="146">
        <v>0.16300000000000001</v>
      </c>
      <c r="I18" s="94">
        <v>3.2633285123348732E-2</v>
      </c>
      <c r="J18" s="146">
        <v>0.36699999999999999</v>
      </c>
      <c r="K18" s="94">
        <v>4.2338448442146098E-2</v>
      </c>
      <c r="L18" s="146">
        <v>0.29599999999999999</v>
      </c>
      <c r="M18" s="94">
        <v>4.0136857185161537E-2</v>
      </c>
      <c r="N18" s="146">
        <v>0.122</v>
      </c>
      <c r="O18" s="94">
        <v>2.9025264867356883E-2</v>
      </c>
    </row>
    <row r="19" spans="1:19" ht="25.5">
      <c r="A19" s="49" t="s">
        <v>438</v>
      </c>
      <c r="B19" s="147">
        <v>74</v>
      </c>
      <c r="C19" s="148">
        <v>3.18</v>
      </c>
      <c r="D19" s="132">
        <v>0.23519999999999999</v>
      </c>
      <c r="E19" s="125">
        <v>74</v>
      </c>
      <c r="F19" s="149">
        <v>1.4999999999999999E-2</v>
      </c>
      <c r="G19" s="97">
        <v>4.4307801504114591E-2</v>
      </c>
      <c r="H19" s="150">
        <v>0.20899999999999999</v>
      </c>
      <c r="I19" s="97">
        <v>9.4402719578486158E-2</v>
      </c>
      <c r="J19" s="150">
        <v>0.38</v>
      </c>
      <c r="K19" s="97">
        <v>0.11025356631348923</v>
      </c>
      <c r="L19" s="150">
        <v>0.376</v>
      </c>
      <c r="M19" s="97">
        <v>0.11004907741691537</v>
      </c>
      <c r="N19" s="150">
        <v>0.02</v>
      </c>
      <c r="O19" s="97">
        <v>4.6753500936241928E-2</v>
      </c>
    </row>
    <row r="20" spans="1:19" ht="25.5">
      <c r="A20" s="45" t="s">
        <v>439</v>
      </c>
      <c r="B20" s="54">
        <v>75</v>
      </c>
      <c r="C20" s="55">
        <v>3.19</v>
      </c>
      <c r="D20" s="56">
        <v>0.21559999999999999</v>
      </c>
      <c r="E20" s="83">
        <v>75</v>
      </c>
      <c r="F20" s="98">
        <v>7.0000000000000007E-2</v>
      </c>
      <c r="G20" s="94">
        <v>6.4963484985792075E-2</v>
      </c>
      <c r="H20" s="98">
        <v>0.13</v>
      </c>
      <c r="I20" s="94">
        <v>8.0067162232813738E-2</v>
      </c>
      <c r="J20" s="98">
        <v>0.35599999999999998</v>
      </c>
      <c r="K20" s="94">
        <v>0.10822168700739306</v>
      </c>
      <c r="L20" s="98">
        <v>0.42799999999999999</v>
      </c>
      <c r="M20" s="94">
        <v>0.11145247539089244</v>
      </c>
      <c r="N20" s="98">
        <v>1.7000000000000001E-2</v>
      </c>
      <c r="O20" s="94">
        <v>4.4855391533403649E-2</v>
      </c>
    </row>
    <row r="21" spans="1:19">
      <c r="A21" s="49" t="s">
        <v>440</v>
      </c>
      <c r="B21" s="147">
        <v>75</v>
      </c>
      <c r="C21" s="148">
        <v>3.35</v>
      </c>
      <c r="D21" s="132">
        <v>0.23519999999999999</v>
      </c>
      <c r="E21" s="125">
        <v>75</v>
      </c>
      <c r="F21" s="149">
        <v>3.1E-2</v>
      </c>
      <c r="G21" s="97">
        <v>5.118822028850338E-2</v>
      </c>
      <c r="H21" s="150">
        <v>0.14000000000000001</v>
      </c>
      <c r="I21" s="97">
        <v>8.2121181278076882E-2</v>
      </c>
      <c r="J21" s="150">
        <v>0.45500000000000002</v>
      </c>
      <c r="K21" s="97">
        <v>0.11209735186190328</v>
      </c>
      <c r="L21" s="150">
        <v>0.19800000000000001</v>
      </c>
      <c r="M21" s="97">
        <v>9.2174306302675299E-2</v>
      </c>
      <c r="N21" s="150">
        <v>0.17499999999999999</v>
      </c>
      <c r="O21" s="97">
        <v>8.853245492126946E-2</v>
      </c>
    </row>
    <row r="22" spans="1:19">
      <c r="A22" s="57" t="s">
        <v>441</v>
      </c>
      <c r="B22" s="143">
        <v>70</v>
      </c>
      <c r="C22" s="144">
        <v>3.59</v>
      </c>
      <c r="D22" s="130">
        <v>0.23519999999999999</v>
      </c>
      <c r="E22" s="122">
        <v>70</v>
      </c>
      <c r="F22" s="145">
        <v>1.7000000000000001E-2</v>
      </c>
      <c r="G22" s="94">
        <v>4.7219899105543604E-2</v>
      </c>
      <c r="H22" s="146">
        <v>9.7000000000000003E-2</v>
      </c>
      <c r="I22" s="94">
        <v>7.5220108184846812E-2</v>
      </c>
      <c r="J22" s="146">
        <v>0.34200000000000003</v>
      </c>
      <c r="K22" s="94">
        <v>0.11093262381212525</v>
      </c>
      <c r="L22" s="146">
        <v>0.36299999999999999</v>
      </c>
      <c r="M22" s="94">
        <v>0.11227505825207169</v>
      </c>
      <c r="N22" s="146">
        <v>0.18099999999999999</v>
      </c>
      <c r="O22" s="94">
        <v>9.2690376698561713E-2</v>
      </c>
    </row>
    <row r="23" spans="1:19" ht="25.5">
      <c r="A23" s="49" t="s">
        <v>442</v>
      </c>
      <c r="B23" s="147">
        <v>110</v>
      </c>
      <c r="C23" s="148">
        <v>3.06</v>
      </c>
      <c r="D23" s="132">
        <v>0.19600000000000001</v>
      </c>
      <c r="E23" s="125">
        <v>110</v>
      </c>
      <c r="F23" s="149">
        <v>9.9000000000000005E-2</v>
      </c>
      <c r="G23" s="97">
        <v>5.9319329373858087E-2</v>
      </c>
      <c r="H23" s="150">
        <v>0.193</v>
      </c>
      <c r="I23" s="97">
        <v>7.545160652845008E-2</v>
      </c>
      <c r="J23" s="150">
        <v>0.36599999999999999</v>
      </c>
      <c r="K23" s="97">
        <v>9.0472824975166496E-2</v>
      </c>
      <c r="L23" s="150">
        <v>0.23</v>
      </c>
      <c r="M23" s="97">
        <v>7.9939898208934795E-2</v>
      </c>
      <c r="N23" s="150">
        <v>0.113</v>
      </c>
      <c r="O23" s="97">
        <v>6.228308814176213E-2</v>
      </c>
    </row>
    <row r="24" spans="1:19">
      <c r="A24" s="57" t="s">
        <v>443</v>
      </c>
      <c r="B24" s="143">
        <v>163</v>
      </c>
      <c r="C24" s="144">
        <v>3.18</v>
      </c>
      <c r="D24" s="130">
        <v>0.15679999999999999</v>
      </c>
      <c r="E24" s="122">
        <v>163</v>
      </c>
      <c r="F24" s="145">
        <v>8.1000000000000003E-2</v>
      </c>
      <c r="G24" s="94">
        <v>4.4519628431805194E-2</v>
      </c>
      <c r="H24" s="146">
        <v>0.187</v>
      </c>
      <c r="I24" s="94">
        <v>6.1257857010364312E-2</v>
      </c>
      <c r="J24" s="146">
        <v>0.32600000000000001</v>
      </c>
      <c r="K24" s="94">
        <v>7.2781681230872836E-2</v>
      </c>
      <c r="L24" s="146">
        <v>0.28100000000000003</v>
      </c>
      <c r="M24" s="94">
        <v>6.9954479222884197E-2</v>
      </c>
      <c r="N24" s="146">
        <v>0.124</v>
      </c>
      <c r="O24" s="94">
        <v>5.2555165239799417E-2</v>
      </c>
    </row>
    <row r="25" spans="1:19">
      <c r="A25" s="49" t="s">
        <v>455</v>
      </c>
      <c r="B25" s="147">
        <v>134</v>
      </c>
      <c r="C25" s="148">
        <v>3.4</v>
      </c>
      <c r="D25" s="132">
        <v>0.1764</v>
      </c>
      <c r="E25" s="125">
        <v>134</v>
      </c>
      <c r="F25" s="149">
        <v>1.7999999999999999E-2</v>
      </c>
      <c r="G25" s="97">
        <v>2.9951104465400374E-2</v>
      </c>
      <c r="H25" s="150">
        <v>0.159</v>
      </c>
      <c r="I25" s="97">
        <v>6.3784563334975883E-2</v>
      </c>
      <c r="J25" s="150">
        <v>0.33400000000000002</v>
      </c>
      <c r="K25" s="97">
        <v>8.0580915825420152E-2</v>
      </c>
      <c r="L25" s="150">
        <v>0.39</v>
      </c>
      <c r="M25" s="97">
        <v>8.3160623929147401E-2</v>
      </c>
      <c r="N25" s="150">
        <v>0.1</v>
      </c>
      <c r="O25" s="97">
        <v>5.3606439364976957E-2</v>
      </c>
    </row>
    <row r="26" spans="1:19">
      <c r="A26" s="57" t="s">
        <v>444</v>
      </c>
      <c r="B26" s="143">
        <v>85</v>
      </c>
      <c r="C26" s="144">
        <v>3.43</v>
      </c>
      <c r="D26" s="130">
        <v>0.21559999999999999</v>
      </c>
      <c r="E26" s="122">
        <v>85</v>
      </c>
      <c r="F26" s="145">
        <v>1.6E-2</v>
      </c>
      <c r="G26" s="94">
        <v>4.0406660037433949E-2</v>
      </c>
      <c r="H26" s="146">
        <v>0.155</v>
      </c>
      <c r="I26" s="94">
        <v>7.9728035534187364E-2</v>
      </c>
      <c r="J26" s="146">
        <v>0.33700000000000002</v>
      </c>
      <c r="K26" s="94">
        <v>0.10073116000230802</v>
      </c>
      <c r="L26" s="146">
        <v>0.37</v>
      </c>
      <c r="M26" s="94">
        <v>0.10267981520397935</v>
      </c>
      <c r="N26" s="146">
        <v>0.122</v>
      </c>
      <c r="O26" s="94">
        <v>7.3338031433703682E-2</v>
      </c>
    </row>
    <row r="27" spans="1:19">
      <c r="A27" s="49" t="s">
        <v>454</v>
      </c>
      <c r="B27" s="147">
        <v>238</v>
      </c>
      <c r="C27" s="148">
        <v>3.3</v>
      </c>
      <c r="D27" s="132">
        <v>0.1176</v>
      </c>
      <c r="E27" s="125">
        <v>238</v>
      </c>
      <c r="F27" s="149">
        <v>0.06</v>
      </c>
      <c r="G27" s="97">
        <v>3.2204693317942845E-2</v>
      </c>
      <c r="H27" s="150">
        <v>0.156</v>
      </c>
      <c r="I27" s="97">
        <v>4.7332759758092362E-2</v>
      </c>
      <c r="J27" s="150">
        <v>0.30499999999999999</v>
      </c>
      <c r="K27" s="97">
        <v>5.9366021970544282E-2</v>
      </c>
      <c r="L27" s="150">
        <v>0.38600000000000001</v>
      </c>
      <c r="M27" s="97">
        <v>6.2645542177161229E-2</v>
      </c>
      <c r="N27" s="150">
        <v>9.2999999999999999E-2</v>
      </c>
      <c r="O27" s="97">
        <v>3.8522665605025007E-2</v>
      </c>
    </row>
    <row r="28" spans="1:19" ht="30.75" customHeight="1">
      <c r="A28" s="57" t="s">
        <v>445</v>
      </c>
      <c r="B28" s="143">
        <v>101</v>
      </c>
      <c r="C28" s="144">
        <v>3.27</v>
      </c>
      <c r="D28" s="130">
        <v>0.1764</v>
      </c>
      <c r="E28" s="122">
        <v>101</v>
      </c>
      <c r="F28" s="145">
        <v>2.1999999999999999E-2</v>
      </c>
      <c r="G28" s="94">
        <v>3.8343171245022865E-2</v>
      </c>
      <c r="H28" s="146">
        <v>0.2</v>
      </c>
      <c r="I28" s="94">
        <v>7.9696216224275487E-2</v>
      </c>
      <c r="J28" s="146">
        <v>0.316</v>
      </c>
      <c r="K28" s="94">
        <v>9.127131116316127E-2</v>
      </c>
      <c r="L28" s="146">
        <v>0.40600000000000003</v>
      </c>
      <c r="M28" s="94">
        <v>9.5981029043722896E-2</v>
      </c>
      <c r="N28" s="146">
        <v>5.6000000000000001E-2</v>
      </c>
      <c r="O28" s="94">
        <v>5.0745975267314586E-2</v>
      </c>
    </row>
    <row r="29" spans="1:19">
      <c r="A29" s="49" t="s">
        <v>471</v>
      </c>
      <c r="B29" s="147">
        <v>85</v>
      </c>
      <c r="C29" s="148">
        <v>3.55</v>
      </c>
      <c r="D29" s="132">
        <v>0.19600000000000001</v>
      </c>
      <c r="E29" s="125">
        <v>85</v>
      </c>
      <c r="F29" s="149">
        <v>3.5999999999999997E-2</v>
      </c>
      <c r="G29" s="97">
        <v>4.9091321887610062E-2</v>
      </c>
      <c r="H29" s="150">
        <v>0.104</v>
      </c>
      <c r="I29" s="97">
        <v>6.9334901378732897E-2</v>
      </c>
      <c r="J29" s="150">
        <v>0.27500000000000002</v>
      </c>
      <c r="K29" s="97">
        <v>9.57110121244725E-2</v>
      </c>
      <c r="L29" s="150">
        <v>0.442</v>
      </c>
      <c r="M29" s="97">
        <v>0.10534727737523633</v>
      </c>
      <c r="N29" s="150">
        <v>0.14299999999999999</v>
      </c>
      <c r="O29" s="97">
        <v>7.7532059237988629E-2</v>
      </c>
    </row>
    <row r="30" spans="1:19" ht="25.5">
      <c r="A30" s="57" t="s">
        <v>442</v>
      </c>
      <c r="B30" s="143">
        <v>110</v>
      </c>
      <c r="C30" s="144">
        <v>3.06</v>
      </c>
      <c r="D30" s="130">
        <v>0.19600000000000001</v>
      </c>
      <c r="E30" s="122">
        <v>110</v>
      </c>
      <c r="F30" s="145">
        <v>9.9000000000000005E-2</v>
      </c>
      <c r="G30" s="94">
        <v>5.9319329373858087E-2</v>
      </c>
      <c r="H30" s="146">
        <v>0.193</v>
      </c>
      <c r="I30" s="94">
        <v>7.545160652845008E-2</v>
      </c>
      <c r="J30" s="146">
        <v>0.36599999999999999</v>
      </c>
      <c r="K30" s="94">
        <v>9.0472824975166496E-2</v>
      </c>
      <c r="L30" s="146">
        <v>0.23</v>
      </c>
      <c r="M30" s="94">
        <v>7.9939898208934795E-2</v>
      </c>
      <c r="N30" s="146">
        <v>0.113</v>
      </c>
      <c r="O30" s="94">
        <v>6.228308814176213E-2</v>
      </c>
    </row>
    <row r="32" spans="1:19" ht="18.75">
      <c r="A32" s="368" t="s">
        <v>294</v>
      </c>
      <c r="B32" s="368"/>
      <c r="C32" s="368"/>
      <c r="D32" s="368"/>
      <c r="E32" s="368"/>
      <c r="F32" s="368"/>
      <c r="G32" s="368"/>
      <c r="H32" s="368"/>
      <c r="I32" s="368"/>
      <c r="J32" s="368"/>
      <c r="K32" s="368"/>
      <c r="L32" s="236"/>
      <c r="M32" s="236"/>
      <c r="N32" s="236"/>
      <c r="O32" s="236"/>
      <c r="P32" s="266"/>
      <c r="Q32" s="266"/>
      <c r="R32" s="266"/>
      <c r="S32" s="266"/>
    </row>
    <row r="33" spans="1:45" ht="69.75" customHeight="1">
      <c r="A33" s="416" t="s">
        <v>491</v>
      </c>
      <c r="B33" s="416"/>
      <c r="C33" s="416"/>
      <c r="D33" s="416"/>
      <c r="E33" s="416"/>
      <c r="F33" s="416"/>
      <c r="G33" s="416"/>
      <c r="H33" s="416"/>
      <c r="I33" s="416"/>
      <c r="J33" s="416"/>
      <c r="K33" s="416"/>
      <c r="L33" s="277"/>
      <c r="M33" s="277"/>
      <c r="N33" s="277"/>
      <c r="O33" s="277"/>
      <c r="P33" s="266"/>
      <c r="Q33" s="266"/>
      <c r="R33" s="266"/>
      <c r="S33" s="266"/>
    </row>
    <row r="34" spans="1:45" ht="15.75">
      <c r="A34" s="326" t="s">
        <v>295</v>
      </c>
      <c r="B34" s="326"/>
      <c r="C34" s="326"/>
      <c r="D34" s="326"/>
      <c r="E34" s="327" t="s">
        <v>399</v>
      </c>
      <c r="F34" s="328"/>
      <c r="G34" s="328"/>
      <c r="H34" s="328"/>
      <c r="I34" s="328"/>
      <c r="J34" s="328"/>
      <c r="K34" s="329"/>
      <c r="L34" s="336"/>
      <c r="M34" s="336"/>
      <c r="N34" s="336"/>
      <c r="O34" s="336"/>
      <c r="P34" s="336"/>
      <c r="Q34" s="336"/>
      <c r="R34" s="336"/>
      <c r="S34" s="336"/>
      <c r="T34" s="336"/>
      <c r="U34" s="336"/>
      <c r="V34" s="336"/>
      <c r="W34" s="336"/>
      <c r="X34" s="336"/>
      <c r="Y34" s="336"/>
      <c r="Z34" s="336"/>
      <c r="AA34" s="336"/>
      <c r="AB34" s="336"/>
      <c r="AC34" s="336"/>
      <c r="AD34" s="336"/>
      <c r="AE34" s="336"/>
      <c r="AF34" s="336"/>
      <c r="AG34" s="336"/>
      <c r="AH34" s="336"/>
      <c r="AI34" s="336"/>
      <c r="AJ34" s="336"/>
      <c r="AK34" s="336"/>
      <c r="AL34" s="336"/>
      <c r="AM34" s="336"/>
      <c r="AN34" s="336"/>
      <c r="AO34" s="336"/>
      <c r="AP34" s="336"/>
      <c r="AQ34" s="336"/>
      <c r="AR34" s="336"/>
      <c r="AS34" s="336"/>
    </row>
    <row r="35" spans="1:45" ht="72">
      <c r="A35" s="37" t="s">
        <v>85</v>
      </c>
      <c r="B35" s="38" t="s">
        <v>86</v>
      </c>
      <c r="C35" s="39" t="s">
        <v>87</v>
      </c>
      <c r="D35" s="40" t="s">
        <v>88</v>
      </c>
      <c r="E35" s="65" t="s">
        <v>86</v>
      </c>
      <c r="F35" s="65" t="s">
        <v>334</v>
      </c>
      <c r="G35" s="88" t="s">
        <v>337</v>
      </c>
      <c r="H35" s="65" t="s">
        <v>335</v>
      </c>
      <c r="I35" s="88" t="s">
        <v>338</v>
      </c>
      <c r="J35" s="65" t="s">
        <v>336</v>
      </c>
      <c r="K35" s="88" t="s">
        <v>339</v>
      </c>
    </row>
    <row r="36" spans="1:45" ht="84">
      <c r="A36" s="41"/>
      <c r="B36" s="42" t="s">
        <v>89</v>
      </c>
      <c r="C36" s="43" t="s">
        <v>451</v>
      </c>
      <c r="D36" s="44" t="s">
        <v>91</v>
      </c>
      <c r="E36" s="68" t="s">
        <v>89</v>
      </c>
      <c r="F36" s="68" t="s">
        <v>396</v>
      </c>
      <c r="G36" s="90" t="s">
        <v>104</v>
      </c>
      <c r="H36" s="68" t="s">
        <v>397</v>
      </c>
      <c r="I36" s="90" t="s">
        <v>104</v>
      </c>
      <c r="J36" s="68" t="s">
        <v>398</v>
      </c>
      <c r="K36" s="90" t="s">
        <v>104</v>
      </c>
    </row>
    <row r="37" spans="1:45">
      <c r="A37" s="45" t="s">
        <v>430</v>
      </c>
      <c r="B37" s="151">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45">
      <c r="A38" s="49" t="s">
        <v>431</v>
      </c>
      <c r="B38" s="49">
        <v>7903</v>
      </c>
      <c r="C38" s="153">
        <v>6.98</v>
      </c>
      <c r="D38" s="154">
        <v>3.9199999999999999E-2</v>
      </c>
      <c r="E38" s="125">
        <v>7903</v>
      </c>
      <c r="F38" s="149">
        <v>0.38</v>
      </c>
      <c r="G38" s="97">
        <v>1.0917550105584376E-2</v>
      </c>
      <c r="H38" s="150">
        <v>0.28899999999999998</v>
      </c>
      <c r="I38" s="97">
        <v>1.0196601185226134E-2</v>
      </c>
      <c r="J38" s="150">
        <v>0.33100000000000002</v>
      </c>
      <c r="K38" s="97">
        <v>1.0584723311543207E-2</v>
      </c>
    </row>
    <row r="39" spans="1:45">
      <c r="A39" s="45" t="s">
        <v>432</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45">
      <c r="A40" s="49" t="s">
        <v>433</v>
      </c>
      <c r="B40" s="49">
        <v>102</v>
      </c>
      <c r="C40" s="153">
        <v>6.36</v>
      </c>
      <c r="D40" s="154">
        <v>0.37240000000000001</v>
      </c>
      <c r="E40" s="125">
        <v>102</v>
      </c>
      <c r="F40" s="149">
        <v>0.49</v>
      </c>
      <c r="G40" s="97">
        <v>9.7110597282390743E-2</v>
      </c>
      <c r="H40" s="150">
        <v>0.35599999999999998</v>
      </c>
      <c r="I40" s="97">
        <v>9.3324237622284659E-2</v>
      </c>
      <c r="J40" s="150">
        <v>0.154</v>
      </c>
      <c r="K40" s="97">
        <v>7.2463053672321517E-2</v>
      </c>
    </row>
    <row r="41" spans="1:45">
      <c r="A41" s="45" t="s">
        <v>434</v>
      </c>
      <c r="B41" s="53">
        <v>2274</v>
      </c>
      <c r="C41" s="84">
        <v>7.09</v>
      </c>
      <c r="D41" s="85">
        <v>9.8000000000000004E-2</v>
      </c>
      <c r="E41" s="83">
        <v>2274</v>
      </c>
      <c r="F41" s="98">
        <v>0.36199999999999999</v>
      </c>
      <c r="G41" s="94">
        <v>2.014097902283955E-2</v>
      </c>
      <c r="H41" s="98">
        <v>0.29199999999999998</v>
      </c>
      <c r="I41" s="94">
        <v>1.9059898347249343E-2</v>
      </c>
      <c r="J41" s="98">
        <v>0.34599999999999997</v>
      </c>
      <c r="K41" s="94">
        <v>1.9937004122971339E-2</v>
      </c>
    </row>
    <row r="42" spans="1:45">
      <c r="A42" s="49" t="s">
        <v>435</v>
      </c>
      <c r="B42" s="49">
        <v>2217</v>
      </c>
      <c r="C42" s="153">
        <v>7.05</v>
      </c>
      <c r="D42" s="154">
        <v>9.8000000000000004E-2</v>
      </c>
      <c r="E42" s="125">
        <v>2217</v>
      </c>
      <c r="F42" s="149">
        <v>0.37</v>
      </c>
      <c r="G42" s="97">
        <v>2.0491960126641052E-2</v>
      </c>
      <c r="H42" s="150">
        <v>0.28999999999999998</v>
      </c>
      <c r="I42" s="97">
        <v>1.9264209772594822E-2</v>
      </c>
      <c r="J42" s="150">
        <v>0.34</v>
      </c>
      <c r="K42" s="97">
        <v>2.0107416525617559E-2</v>
      </c>
    </row>
    <row r="43" spans="1:45">
      <c r="A43" s="45" t="s">
        <v>452</v>
      </c>
      <c r="B43" s="53">
        <v>45</v>
      </c>
      <c r="C43" s="84">
        <v>7.02</v>
      </c>
      <c r="D43" s="85">
        <v>0.62719999999999998</v>
      </c>
      <c r="E43" s="83">
        <v>45</v>
      </c>
      <c r="F43" s="98">
        <v>0.34499999999999997</v>
      </c>
      <c r="G43" s="94">
        <v>0.13694549758154306</v>
      </c>
      <c r="H43" s="98">
        <v>0.312</v>
      </c>
      <c r="I43" s="94">
        <v>0.13407001535135002</v>
      </c>
      <c r="J43" s="98">
        <v>0.34300000000000003</v>
      </c>
      <c r="K43" s="94">
        <v>0.13678855075160468</v>
      </c>
    </row>
    <row r="44" spans="1:45">
      <c r="A44" s="49" t="s">
        <v>172</v>
      </c>
      <c r="B44" s="49">
        <v>208</v>
      </c>
      <c r="C44" s="153">
        <v>7.26</v>
      </c>
      <c r="D44" s="154">
        <v>0.31359999999999999</v>
      </c>
      <c r="E44" s="125">
        <v>208</v>
      </c>
      <c r="F44" s="149">
        <v>0.34399999999999997</v>
      </c>
      <c r="G44" s="97">
        <v>6.5383293123297881E-2</v>
      </c>
      <c r="H44" s="150">
        <v>0.25</v>
      </c>
      <c r="I44" s="97">
        <v>5.9848273671141088E-2</v>
      </c>
      <c r="J44" s="150">
        <v>0.40600000000000003</v>
      </c>
      <c r="K44" s="97">
        <v>6.7501822247778537E-2</v>
      </c>
    </row>
    <row r="45" spans="1:45" ht="25.5">
      <c r="A45" s="45" t="s">
        <v>436</v>
      </c>
      <c r="B45" s="53">
        <v>83</v>
      </c>
      <c r="C45" s="84">
        <v>7.14</v>
      </c>
      <c r="D45" s="85">
        <v>0.5292</v>
      </c>
      <c r="E45" s="83">
        <v>83</v>
      </c>
      <c r="F45" s="98">
        <v>0.40799999999999997</v>
      </c>
      <c r="G45" s="94">
        <v>0.10554650485029718</v>
      </c>
      <c r="H45" s="98">
        <v>0.17399999999999999</v>
      </c>
      <c r="I45" s="94">
        <v>8.394630205997515E-2</v>
      </c>
      <c r="J45" s="98">
        <v>0.41799999999999998</v>
      </c>
      <c r="K45" s="94">
        <v>0.10589087531568336</v>
      </c>
    </row>
    <row r="46" spans="1:45" ht="25.5">
      <c r="A46" s="49" t="s">
        <v>437</v>
      </c>
      <c r="B46" s="49">
        <v>101</v>
      </c>
      <c r="C46" s="153">
        <v>7.31</v>
      </c>
      <c r="D46" s="154">
        <v>0.41159999999999997</v>
      </c>
      <c r="E46" s="125">
        <v>101</v>
      </c>
      <c r="F46" s="149">
        <v>0.33100000000000002</v>
      </c>
      <c r="G46" s="97">
        <v>9.2288084588202882E-2</v>
      </c>
      <c r="H46" s="150">
        <v>0.25900000000000001</v>
      </c>
      <c r="I46" s="97">
        <v>8.6467154052523157E-2</v>
      </c>
      <c r="J46" s="150">
        <v>0.41</v>
      </c>
      <c r="K46" s="97">
        <v>9.6116078186267301E-2</v>
      </c>
    </row>
    <row r="47" spans="1:45">
      <c r="A47" s="45" t="s">
        <v>453</v>
      </c>
      <c r="B47" s="151">
        <v>476</v>
      </c>
      <c r="C47" s="84">
        <v>6.87</v>
      </c>
      <c r="D47" s="85">
        <v>0.21559999999999999</v>
      </c>
      <c r="E47" s="83">
        <v>476</v>
      </c>
      <c r="F47" s="98">
        <v>0.39600000000000002</v>
      </c>
      <c r="G47" s="94">
        <v>4.4662019244129159E-2</v>
      </c>
      <c r="H47" s="98">
        <v>0.27200000000000002</v>
      </c>
      <c r="I47" s="94">
        <v>4.0710235199517088E-2</v>
      </c>
      <c r="J47" s="98">
        <v>0.33100000000000002</v>
      </c>
      <c r="K47" s="94">
        <v>4.3003200778535942E-2</v>
      </c>
    </row>
    <row r="48" spans="1:45" ht="25.5">
      <c r="A48" s="49" t="s">
        <v>438</v>
      </c>
      <c r="B48" s="152">
        <v>67</v>
      </c>
      <c r="C48" s="153">
        <v>6.52</v>
      </c>
      <c r="D48" s="154">
        <v>0.5292</v>
      </c>
      <c r="E48" s="125">
        <v>67</v>
      </c>
      <c r="F48" s="149">
        <v>0.39900000000000002</v>
      </c>
      <c r="G48" s="97">
        <v>0.11650207777821141</v>
      </c>
      <c r="H48" s="150">
        <v>0.36199999999999999</v>
      </c>
      <c r="I48" s="97">
        <v>0.11458224370641391</v>
      </c>
      <c r="J48" s="150">
        <v>0.23899999999999999</v>
      </c>
      <c r="K48" s="97">
        <v>0.1032809354510273</v>
      </c>
    </row>
    <row r="49" spans="1:22" ht="25.5">
      <c r="A49" s="45" t="s">
        <v>439</v>
      </c>
      <c r="B49" s="83">
        <v>72</v>
      </c>
      <c r="C49" s="84">
        <v>6.68</v>
      </c>
      <c r="D49" s="85">
        <v>0.50960000000000005</v>
      </c>
      <c r="E49" s="83">
        <v>72</v>
      </c>
      <c r="F49" s="98">
        <v>0.47099999999999997</v>
      </c>
      <c r="G49" s="94">
        <v>0.11453457227448843</v>
      </c>
      <c r="H49" s="98">
        <v>0.22800000000000001</v>
      </c>
      <c r="I49" s="94">
        <v>9.8301054137258786E-2</v>
      </c>
      <c r="J49" s="98">
        <v>0.30099999999999999</v>
      </c>
      <c r="K49" s="94">
        <v>0.10624148962941075</v>
      </c>
    </row>
    <row r="50" spans="1:22">
      <c r="A50" s="49" t="s">
        <v>440</v>
      </c>
      <c r="B50" s="152">
        <v>76</v>
      </c>
      <c r="C50" s="153">
        <v>6.85</v>
      </c>
      <c r="D50" s="154">
        <v>0.56839999999999991</v>
      </c>
      <c r="E50" s="125">
        <v>76</v>
      </c>
      <c r="F50" s="149">
        <v>0.40200000000000002</v>
      </c>
      <c r="G50" s="97">
        <v>0.10984816566515802</v>
      </c>
      <c r="H50" s="150">
        <v>0.25600000000000001</v>
      </c>
      <c r="I50" s="97">
        <v>9.9062798264535207E-2</v>
      </c>
      <c r="J50" s="150">
        <v>0.34100000000000003</v>
      </c>
      <c r="K50" s="97">
        <v>0.10657952371351638</v>
      </c>
    </row>
    <row r="51" spans="1:22">
      <c r="A51" s="57" t="s">
        <v>441</v>
      </c>
      <c r="B51" s="151">
        <v>58</v>
      </c>
      <c r="C51" s="84">
        <v>7.3</v>
      </c>
      <c r="D51" s="85">
        <v>0.50960000000000005</v>
      </c>
      <c r="E51" s="83">
        <v>58</v>
      </c>
      <c r="F51" s="98">
        <v>0.38500000000000001</v>
      </c>
      <c r="G51" s="94">
        <v>0.12402559693835331</v>
      </c>
      <c r="H51" s="98">
        <v>0.20899999999999999</v>
      </c>
      <c r="I51" s="94">
        <v>0.10652672246959506</v>
      </c>
      <c r="J51" s="98">
        <v>0.40600000000000003</v>
      </c>
      <c r="K51" s="94">
        <v>0.12502060492791006</v>
      </c>
    </row>
    <row r="52" spans="1:22" ht="25.5">
      <c r="A52" s="49" t="s">
        <v>442</v>
      </c>
      <c r="B52" s="152">
        <v>102</v>
      </c>
      <c r="C52" s="153">
        <v>6.53</v>
      </c>
      <c r="D52" s="154">
        <v>0.47039999999999998</v>
      </c>
      <c r="E52" s="125">
        <v>102</v>
      </c>
      <c r="F52" s="149">
        <v>0.38</v>
      </c>
      <c r="G52" s="97">
        <v>9.4502927365031728E-2</v>
      </c>
      <c r="H52" s="150">
        <v>0.375</v>
      </c>
      <c r="I52" s="97">
        <v>9.4276189068922323E-2</v>
      </c>
      <c r="J52" s="150">
        <v>0.245</v>
      </c>
      <c r="K52" s="97">
        <v>8.462792079966977E-2</v>
      </c>
    </row>
    <row r="53" spans="1:22">
      <c r="A53" s="57" t="s">
        <v>443</v>
      </c>
      <c r="B53" s="151">
        <v>149</v>
      </c>
      <c r="C53" s="84">
        <v>6.87</v>
      </c>
      <c r="D53" s="85">
        <v>0.37240000000000001</v>
      </c>
      <c r="E53" s="83">
        <v>149</v>
      </c>
      <c r="F53" s="98">
        <v>0.40100000000000002</v>
      </c>
      <c r="G53" s="94">
        <v>7.9328022828734857E-2</v>
      </c>
      <c r="H53" s="98">
        <v>0.253</v>
      </c>
      <c r="I53" s="94">
        <v>7.0874889965146709E-2</v>
      </c>
      <c r="J53" s="98">
        <v>0.34499999999999997</v>
      </c>
      <c r="K53" s="94">
        <v>7.7073055593048875E-2</v>
      </c>
    </row>
    <row r="54" spans="1:22">
      <c r="A54" s="49" t="s">
        <v>455</v>
      </c>
      <c r="B54" s="152">
        <v>124</v>
      </c>
      <c r="C54" s="153">
        <v>7.19</v>
      </c>
      <c r="D54" s="154">
        <v>0.37240000000000001</v>
      </c>
      <c r="E54" s="125">
        <v>124</v>
      </c>
      <c r="F54" s="149">
        <v>0.32600000000000001</v>
      </c>
      <c r="G54" s="97">
        <v>8.3214084518816206E-2</v>
      </c>
      <c r="H54" s="150">
        <v>0.34200000000000003</v>
      </c>
      <c r="I54" s="97">
        <v>8.4144940261905748E-2</v>
      </c>
      <c r="J54" s="150">
        <v>0.33200000000000002</v>
      </c>
      <c r="K54" s="97">
        <v>8.3574898575319842E-2</v>
      </c>
    </row>
    <row r="55" spans="1:22">
      <c r="A55" s="57" t="s">
        <v>444</v>
      </c>
      <c r="B55" s="151">
        <v>76</v>
      </c>
      <c r="C55" s="84">
        <v>7.12</v>
      </c>
      <c r="D55" s="85">
        <v>0.49</v>
      </c>
      <c r="E55" s="83">
        <v>76</v>
      </c>
      <c r="F55" s="98">
        <v>0.34699999999999998</v>
      </c>
      <c r="G55" s="94">
        <v>0.10697508530026981</v>
      </c>
      <c r="H55" s="98">
        <v>0.36299999999999999</v>
      </c>
      <c r="I55" s="94">
        <v>0.10794928844137881</v>
      </c>
      <c r="J55" s="98">
        <v>0.28999999999999998</v>
      </c>
      <c r="K55" s="94">
        <v>0.10251823008616565</v>
      </c>
    </row>
    <row r="56" spans="1:22">
      <c r="A56" s="49" t="s">
        <v>454</v>
      </c>
      <c r="B56" s="152">
        <v>225</v>
      </c>
      <c r="C56" s="153">
        <v>7.03</v>
      </c>
      <c r="D56" s="154">
        <v>0.27440000000000003</v>
      </c>
      <c r="E56" s="125">
        <v>225</v>
      </c>
      <c r="F56" s="149">
        <v>0.33400000000000002</v>
      </c>
      <c r="G56" s="97">
        <v>6.2467213766182556E-2</v>
      </c>
      <c r="H56" s="150">
        <v>0.372</v>
      </c>
      <c r="I56" s="97">
        <v>6.3957323103850189E-2</v>
      </c>
      <c r="J56" s="150">
        <v>0.29499999999999998</v>
      </c>
      <c r="K56" s="97">
        <v>6.0482817256386677E-2</v>
      </c>
    </row>
    <row r="57" spans="1:22" ht="25.5">
      <c r="A57" s="57" t="s">
        <v>445</v>
      </c>
      <c r="B57" s="151">
        <v>99</v>
      </c>
      <c r="C57" s="84">
        <v>7.72</v>
      </c>
      <c r="D57" s="85">
        <v>0.39200000000000002</v>
      </c>
      <c r="E57" s="83">
        <v>99</v>
      </c>
      <c r="F57" s="98">
        <v>0.23899999999999999</v>
      </c>
      <c r="G57" s="94">
        <v>8.5233480484650723E-2</v>
      </c>
      <c r="H57" s="98">
        <v>0.36499999999999999</v>
      </c>
      <c r="I57" s="94">
        <v>9.5157110328002392E-2</v>
      </c>
      <c r="J57" s="98">
        <v>0.39600000000000002</v>
      </c>
      <c r="K57" s="94">
        <v>9.6543720259975582E-2</v>
      </c>
    </row>
    <row r="58" spans="1:22">
      <c r="A58" s="49" t="s">
        <v>471</v>
      </c>
      <c r="B58" s="152">
        <v>78</v>
      </c>
      <c r="C58" s="153">
        <v>7.04</v>
      </c>
      <c r="D58" s="154">
        <v>0.43119999999999997</v>
      </c>
      <c r="E58" s="125">
        <v>78</v>
      </c>
      <c r="F58" s="149">
        <v>0.312</v>
      </c>
      <c r="G58" s="97">
        <v>0.10312674957614848</v>
      </c>
      <c r="H58" s="150">
        <v>0.42899999999999999</v>
      </c>
      <c r="I58" s="97">
        <v>0.10941949031295729</v>
      </c>
      <c r="J58" s="150">
        <v>0.26</v>
      </c>
      <c r="K58" s="97">
        <v>9.8248676754465372E-2</v>
      </c>
    </row>
    <row r="59" spans="1:22" ht="25.5">
      <c r="A59" s="57" t="s">
        <v>442</v>
      </c>
      <c r="B59" s="151">
        <v>102</v>
      </c>
      <c r="C59" s="84">
        <v>6.53</v>
      </c>
      <c r="D59" s="85">
        <v>0.47039999999999998</v>
      </c>
      <c r="E59" s="83">
        <v>102</v>
      </c>
      <c r="F59" s="98">
        <v>0.38</v>
      </c>
      <c r="G59" s="94">
        <v>9.4502927365031728E-2</v>
      </c>
      <c r="H59" s="98">
        <v>0.375</v>
      </c>
      <c r="I59" s="94">
        <v>9.4276189068922323E-2</v>
      </c>
      <c r="J59" s="98">
        <v>0.245</v>
      </c>
      <c r="K59" s="94">
        <v>8.462792079966977E-2</v>
      </c>
    </row>
    <row r="60" spans="1:22" s="258" customFormat="1">
      <c r="A60" s="251"/>
      <c r="B60" s="252"/>
      <c r="C60" s="253"/>
      <c r="D60" s="254"/>
      <c r="E60" s="255"/>
      <c r="F60" s="256"/>
      <c r="G60" s="257"/>
      <c r="H60" s="256"/>
      <c r="I60" s="257"/>
    </row>
    <row r="61" spans="1:22" ht="18.75">
      <c r="A61" s="367" t="s">
        <v>296</v>
      </c>
      <c r="B61" s="367"/>
      <c r="C61" s="367"/>
      <c r="D61" s="367"/>
      <c r="E61" s="367"/>
      <c r="F61" s="367"/>
      <c r="G61" s="367"/>
      <c r="H61" s="367"/>
      <c r="I61" s="367"/>
      <c r="J61" s="367"/>
      <c r="K61" s="367"/>
      <c r="L61" s="367"/>
      <c r="M61" s="367"/>
      <c r="N61" s="367"/>
      <c r="O61" s="367"/>
      <c r="P61" s="367"/>
      <c r="Q61" s="367"/>
      <c r="R61" s="367"/>
      <c r="S61" s="367"/>
      <c r="T61" s="367"/>
      <c r="U61" s="367"/>
      <c r="V61" s="367"/>
    </row>
    <row r="62" spans="1:22" ht="80.25" customHeight="1">
      <c r="A62" s="408" t="s">
        <v>492</v>
      </c>
      <c r="B62" s="408"/>
      <c r="C62" s="408"/>
      <c r="D62" s="408"/>
      <c r="E62" s="408"/>
      <c r="F62" s="408"/>
      <c r="G62" s="408"/>
      <c r="H62" s="408"/>
      <c r="I62" s="408"/>
      <c r="J62" s="408"/>
      <c r="K62" s="408"/>
      <c r="L62" s="408"/>
      <c r="M62" s="408"/>
      <c r="N62" s="408"/>
      <c r="O62" s="408"/>
      <c r="P62" s="408"/>
      <c r="Q62" s="408"/>
      <c r="R62" s="408"/>
      <c r="S62" s="408"/>
      <c r="T62" s="408"/>
      <c r="U62" s="408"/>
      <c r="V62" s="408"/>
    </row>
    <row r="63" spans="1:22" ht="15.75">
      <c r="A63" s="250"/>
      <c r="B63" s="398" t="s">
        <v>340</v>
      </c>
      <c r="C63" s="398"/>
      <c r="D63" s="398"/>
      <c r="E63" s="398"/>
      <c r="F63" s="398"/>
      <c r="G63" s="398"/>
      <c r="H63" s="398"/>
      <c r="I63" s="398" t="s">
        <v>341</v>
      </c>
      <c r="J63" s="398"/>
      <c r="K63" s="398"/>
      <c r="L63" s="398"/>
      <c r="M63" s="398"/>
      <c r="N63" s="398"/>
      <c r="O63" s="398"/>
      <c r="P63" s="398" t="s">
        <v>342</v>
      </c>
      <c r="Q63" s="398"/>
      <c r="R63" s="398"/>
      <c r="S63" s="398"/>
      <c r="T63" s="398"/>
      <c r="U63" s="398"/>
      <c r="V63" s="398"/>
    </row>
    <row r="64" spans="1:22" ht="72">
      <c r="A64" s="37" t="s">
        <v>85</v>
      </c>
      <c r="B64" s="38" t="s">
        <v>86</v>
      </c>
      <c r="C64" s="38" t="s">
        <v>297</v>
      </c>
      <c r="D64" s="89" t="s">
        <v>300</v>
      </c>
      <c r="E64" s="38" t="s">
        <v>299</v>
      </c>
      <c r="F64" s="89" t="s">
        <v>301</v>
      </c>
      <c r="G64" s="38" t="s">
        <v>298</v>
      </c>
      <c r="H64" s="89" t="s">
        <v>302</v>
      </c>
      <c r="I64" s="65" t="s">
        <v>86</v>
      </c>
      <c r="J64" s="65" t="s">
        <v>303</v>
      </c>
      <c r="K64" s="88" t="s">
        <v>304</v>
      </c>
      <c r="L64" s="65" t="s">
        <v>305</v>
      </c>
      <c r="M64" s="88" t="s">
        <v>306</v>
      </c>
      <c r="N64" s="65" t="s">
        <v>307</v>
      </c>
      <c r="O64" s="88" t="s">
        <v>308</v>
      </c>
      <c r="P64" s="38" t="s">
        <v>86</v>
      </c>
      <c r="Q64" s="38" t="s">
        <v>309</v>
      </c>
      <c r="R64" s="89" t="s">
        <v>310</v>
      </c>
      <c r="S64" s="38" t="s">
        <v>311</v>
      </c>
      <c r="T64" s="89" t="s">
        <v>312</v>
      </c>
      <c r="U64" s="38" t="s">
        <v>313</v>
      </c>
      <c r="V64" s="89" t="s">
        <v>314</v>
      </c>
    </row>
    <row r="65" spans="1:22" ht="72">
      <c r="A65" s="41"/>
      <c r="B65" s="42" t="s">
        <v>89</v>
      </c>
      <c r="C65" s="42" t="s">
        <v>400</v>
      </c>
      <c r="D65" s="91" t="s">
        <v>104</v>
      </c>
      <c r="E65" s="42" t="s">
        <v>401</v>
      </c>
      <c r="F65" s="91" t="s">
        <v>104</v>
      </c>
      <c r="G65" s="42" t="s">
        <v>402</v>
      </c>
      <c r="H65" s="91" t="s">
        <v>104</v>
      </c>
      <c r="I65" s="68" t="s">
        <v>89</v>
      </c>
      <c r="J65" s="68" t="s">
        <v>400</v>
      </c>
      <c r="K65" s="90" t="s">
        <v>104</v>
      </c>
      <c r="L65" s="68" t="s">
        <v>401</v>
      </c>
      <c r="M65" s="90" t="s">
        <v>104</v>
      </c>
      <c r="N65" s="68" t="s">
        <v>402</v>
      </c>
      <c r="O65" s="90" t="s">
        <v>104</v>
      </c>
      <c r="P65" s="42" t="s">
        <v>89</v>
      </c>
      <c r="Q65" s="42" t="s">
        <v>400</v>
      </c>
      <c r="R65" s="91" t="s">
        <v>104</v>
      </c>
      <c r="S65" s="42" t="s">
        <v>401</v>
      </c>
      <c r="T65" s="91" t="s">
        <v>104</v>
      </c>
      <c r="U65" s="42" t="s">
        <v>402</v>
      </c>
      <c r="V65" s="91" t="s">
        <v>104</v>
      </c>
    </row>
    <row r="66" spans="1:22">
      <c r="A66" s="45" t="s">
        <v>430</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1</v>
      </c>
      <c r="B67" s="157">
        <v>7888</v>
      </c>
      <c r="C67" s="161">
        <v>0.316</v>
      </c>
      <c r="D67" s="97">
        <v>1.0467489084355273E-2</v>
      </c>
      <c r="E67" s="161">
        <v>0.40400000000000003</v>
      </c>
      <c r="F67" s="97">
        <v>1.1047364730406279E-2</v>
      </c>
      <c r="G67" s="161">
        <v>0.28100000000000003</v>
      </c>
      <c r="H67" s="97">
        <v>1.0120600826100718E-2</v>
      </c>
      <c r="I67" s="157">
        <v>7833</v>
      </c>
      <c r="J67" s="161">
        <v>0.79200000000000004</v>
      </c>
      <c r="K67" s="97">
        <v>9.1719990184560909E-3</v>
      </c>
      <c r="L67" s="161">
        <v>0.153</v>
      </c>
      <c r="M67" s="97">
        <v>8.1366999405030546E-3</v>
      </c>
      <c r="N67" s="161">
        <v>5.5E-2</v>
      </c>
      <c r="O67" s="97">
        <v>5.1605383290471638E-3</v>
      </c>
      <c r="P67" s="157">
        <v>7837</v>
      </c>
      <c r="Q67" s="161">
        <v>0.88200000000000001</v>
      </c>
      <c r="R67" s="97">
        <v>7.2917185617857117E-3</v>
      </c>
      <c r="S67" s="161">
        <v>0.08</v>
      </c>
      <c r="T67" s="97">
        <v>6.1349833936778777E-3</v>
      </c>
      <c r="U67" s="161">
        <v>3.7999999999999999E-2</v>
      </c>
      <c r="V67" s="97">
        <v>4.3312478023080133E-3</v>
      </c>
    </row>
    <row r="68" spans="1:22">
      <c r="A68" s="45" t="s">
        <v>432</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3</v>
      </c>
      <c r="B69" s="157">
        <v>102</v>
      </c>
      <c r="C69" s="161">
        <v>0.438</v>
      </c>
      <c r="D69" s="97">
        <v>9.6434676174129139E-2</v>
      </c>
      <c r="E69" s="161">
        <v>0.40500000000000003</v>
      </c>
      <c r="F69" s="97">
        <v>9.549143605321278E-2</v>
      </c>
      <c r="G69" s="161">
        <v>0.157</v>
      </c>
      <c r="H69" s="97">
        <v>7.2959704129201566E-2</v>
      </c>
      <c r="I69" s="157">
        <v>102</v>
      </c>
      <c r="J69" s="161">
        <v>0.747</v>
      </c>
      <c r="K69" s="97">
        <v>8.5452972029901861E-2</v>
      </c>
      <c r="L69" s="161">
        <v>0.20300000000000001</v>
      </c>
      <c r="M69" s="97">
        <v>7.9698174479058831E-2</v>
      </c>
      <c r="N69" s="161">
        <v>5.0999999999999997E-2</v>
      </c>
      <c r="O69" s="97">
        <v>4.8884573766047414E-2</v>
      </c>
      <c r="P69" s="157">
        <v>101</v>
      </c>
      <c r="Q69" s="161">
        <v>0.85499999999999998</v>
      </c>
      <c r="R69" s="97">
        <v>7.1285879544233641E-2</v>
      </c>
      <c r="S69" s="161">
        <v>0.06</v>
      </c>
      <c r="T69" s="97">
        <v>5.1959513447345861E-2</v>
      </c>
      <c r="U69" s="161">
        <v>8.5000000000000006E-2</v>
      </c>
      <c r="V69" s="97">
        <v>5.8764084826353674E-2</v>
      </c>
    </row>
    <row r="70" spans="1:22">
      <c r="A70" s="45" t="s">
        <v>434</v>
      </c>
      <c r="B70" s="83">
        <v>2271</v>
      </c>
      <c r="C70" s="98">
        <v>0.312</v>
      </c>
      <c r="D70" s="94">
        <v>1.9432845304406594E-2</v>
      </c>
      <c r="E70" s="98">
        <v>0.39</v>
      </c>
      <c r="F70" s="94">
        <v>2.0453861756095724E-2</v>
      </c>
      <c r="G70" s="98">
        <v>0.29899999999999999</v>
      </c>
      <c r="H70" s="94">
        <v>1.9203522779128075E-2</v>
      </c>
      <c r="I70" s="83">
        <v>2257</v>
      </c>
      <c r="J70" s="98">
        <v>0.80200000000000005</v>
      </c>
      <c r="K70" s="94">
        <v>1.6777990351712915E-2</v>
      </c>
      <c r="L70" s="98">
        <v>0.14699999999999999</v>
      </c>
      <c r="M70" s="94">
        <v>1.4920192155196124E-2</v>
      </c>
      <c r="N70" s="98">
        <v>5.0999999999999997E-2</v>
      </c>
      <c r="O70" s="94">
        <v>9.3212065794442585E-3</v>
      </c>
      <c r="P70" s="83">
        <v>2256</v>
      </c>
      <c r="Q70" s="98">
        <v>0.88200000000000001</v>
      </c>
      <c r="R70" s="94">
        <v>1.3605834772122412E-2</v>
      </c>
      <c r="S70" s="98">
        <v>8.2000000000000003E-2</v>
      </c>
      <c r="T70" s="94">
        <v>1.1589890674029399E-2</v>
      </c>
      <c r="U70" s="98">
        <v>3.5000000000000003E-2</v>
      </c>
      <c r="V70" s="94">
        <v>7.8187114895407282E-3</v>
      </c>
    </row>
    <row r="71" spans="1:22">
      <c r="A71" s="49" t="s">
        <v>435</v>
      </c>
      <c r="B71" s="157">
        <v>2214</v>
      </c>
      <c r="C71" s="161">
        <v>0.313</v>
      </c>
      <c r="D71" s="97">
        <v>1.9698219805408076E-2</v>
      </c>
      <c r="E71" s="161">
        <v>0.39400000000000002</v>
      </c>
      <c r="F71" s="97">
        <v>2.0752502214538251E-2</v>
      </c>
      <c r="G71" s="161">
        <v>0.29299999999999998</v>
      </c>
      <c r="H71" s="97">
        <v>1.9335461550552113E-2</v>
      </c>
      <c r="I71" s="157">
        <v>2201</v>
      </c>
      <c r="J71" s="161">
        <v>0.79900000000000004</v>
      </c>
      <c r="K71" s="97">
        <v>1.7085781343390127E-2</v>
      </c>
      <c r="L71" s="161">
        <v>0.14899999999999999</v>
      </c>
      <c r="M71" s="97">
        <v>1.5193123060875752E-2</v>
      </c>
      <c r="N71" s="161">
        <v>5.0999999999999997E-2</v>
      </c>
      <c r="O71" s="97">
        <v>9.4405665659739423E-3</v>
      </c>
      <c r="P71" s="157">
        <v>2200</v>
      </c>
      <c r="Q71" s="161">
        <v>0.878</v>
      </c>
      <c r="R71" s="97">
        <v>1.3976527157829951E-2</v>
      </c>
      <c r="S71" s="161">
        <v>8.3000000000000004E-2</v>
      </c>
      <c r="T71" s="97">
        <v>1.1801565869259604E-2</v>
      </c>
      <c r="U71" s="161">
        <v>3.7999999999999999E-2</v>
      </c>
      <c r="V71" s="97">
        <v>8.2310165820869141E-3</v>
      </c>
    </row>
    <row r="72" spans="1:22">
      <c r="A72" s="45" t="s">
        <v>452</v>
      </c>
      <c r="B72" s="83">
        <v>44</v>
      </c>
      <c r="C72" s="98">
        <v>0.29399999999999998</v>
      </c>
      <c r="D72" s="94">
        <v>0.13364816129868198</v>
      </c>
      <c r="E72" s="98">
        <v>0.43</v>
      </c>
      <c r="F72" s="94">
        <v>0.14314405299350513</v>
      </c>
      <c r="G72" s="98">
        <v>0.27600000000000002</v>
      </c>
      <c r="H72" s="94">
        <v>0.13160490816018927</v>
      </c>
      <c r="I72" s="83">
        <v>43</v>
      </c>
      <c r="J72" s="98">
        <v>0.79400000000000004</v>
      </c>
      <c r="K72" s="94">
        <v>0.12296010297612525</v>
      </c>
      <c r="L72" s="98">
        <v>0.18</v>
      </c>
      <c r="M72" s="94">
        <v>0.11824536126397138</v>
      </c>
      <c r="N72" s="98">
        <v>2.5999999999999999E-2</v>
      </c>
      <c r="O72" s="94">
        <v>7.2604655774845289E-2</v>
      </c>
      <c r="P72" s="83">
        <v>45</v>
      </c>
      <c r="Q72" s="98">
        <v>0.90300000000000002</v>
      </c>
      <c r="R72" s="94">
        <v>9.6054610055666456E-2</v>
      </c>
      <c r="S72" s="98">
        <v>9.7000000000000003E-2</v>
      </c>
      <c r="T72" s="94">
        <v>9.6054610055666442E-2</v>
      </c>
      <c r="U72" s="98">
        <v>0</v>
      </c>
      <c r="V72" s="94">
        <v>5.6532709707479055E-2</v>
      </c>
    </row>
    <row r="73" spans="1:22">
      <c r="A73" s="49" t="s">
        <v>172</v>
      </c>
      <c r="B73" s="157">
        <v>208</v>
      </c>
      <c r="C73" s="161">
        <v>0.27200000000000002</v>
      </c>
      <c r="D73" s="97">
        <v>6.1423238511136104E-2</v>
      </c>
      <c r="E73" s="161">
        <v>0.36499999999999999</v>
      </c>
      <c r="F73" s="97">
        <v>6.6226633155786432E-2</v>
      </c>
      <c r="G73" s="161">
        <v>0.36299999999999999</v>
      </c>
      <c r="H73" s="97">
        <v>6.6151995137223862E-2</v>
      </c>
      <c r="I73" s="157">
        <v>206</v>
      </c>
      <c r="J73" s="161">
        <v>0.77500000000000002</v>
      </c>
      <c r="K73" s="97">
        <v>5.810147358826772E-2</v>
      </c>
      <c r="L73" s="161">
        <v>0.17499999999999999</v>
      </c>
      <c r="M73" s="97">
        <v>5.3159327010026625E-2</v>
      </c>
      <c r="N73" s="161">
        <v>0.05</v>
      </c>
      <c r="O73" s="97">
        <v>3.240835175325163E-2</v>
      </c>
      <c r="P73" s="157">
        <v>207</v>
      </c>
      <c r="Q73" s="161">
        <v>0.877</v>
      </c>
      <c r="R73" s="97">
        <v>4.6326412229150328E-2</v>
      </c>
      <c r="S73" s="161">
        <v>0.10199999999999999</v>
      </c>
      <c r="T73" s="97">
        <v>4.3002239879935129E-2</v>
      </c>
      <c r="U73" s="161">
        <v>2.1000000000000001E-2</v>
      </c>
      <c r="V73" s="97">
        <v>2.3517958492918732E-2</v>
      </c>
    </row>
    <row r="74" spans="1:22" ht="25.5">
      <c r="A74" s="45" t="s">
        <v>436</v>
      </c>
      <c r="B74" s="83">
        <v>83</v>
      </c>
      <c r="C74" s="98">
        <v>0.33</v>
      </c>
      <c r="D74" s="94">
        <v>0.10141445179631153</v>
      </c>
      <c r="E74" s="98">
        <v>0.32500000000000001</v>
      </c>
      <c r="F74" s="94">
        <v>0.1010579335856199</v>
      </c>
      <c r="G74" s="98">
        <v>0.34499999999999997</v>
      </c>
      <c r="H74" s="94">
        <v>0.10241529369024732</v>
      </c>
      <c r="I74" s="83">
        <v>83</v>
      </c>
      <c r="J74" s="98">
        <v>0.78500000000000003</v>
      </c>
      <c r="K74" s="94">
        <v>8.9973754834976813E-2</v>
      </c>
      <c r="L74" s="98">
        <v>0.14899999999999999</v>
      </c>
      <c r="M74" s="94">
        <v>7.9616146565487309E-2</v>
      </c>
      <c r="N74" s="98">
        <v>6.6000000000000003E-2</v>
      </c>
      <c r="O74" s="94">
        <v>6.0101802111408857E-2</v>
      </c>
      <c r="P74" s="83">
        <v>83</v>
      </c>
      <c r="Q74" s="98">
        <v>0.84199999999999997</v>
      </c>
      <c r="R74" s="94">
        <v>8.1238703711609572E-2</v>
      </c>
      <c r="S74" s="98">
        <v>0.156</v>
      </c>
      <c r="T74" s="94">
        <v>8.0884570086919141E-2</v>
      </c>
      <c r="U74" s="98">
        <v>2E-3</v>
      </c>
      <c r="V74" s="94">
        <v>3.3409141454209326E-2</v>
      </c>
    </row>
    <row r="75" spans="1:22" ht="25.5">
      <c r="A75" s="49" t="s">
        <v>437</v>
      </c>
      <c r="B75" s="157">
        <v>101</v>
      </c>
      <c r="C75" s="161">
        <v>0.24</v>
      </c>
      <c r="D75" s="97">
        <v>8.4504690629367954E-2</v>
      </c>
      <c r="E75" s="161">
        <v>0.42699999999999999</v>
      </c>
      <c r="F75" s="97">
        <v>9.6622837752232502E-2</v>
      </c>
      <c r="G75" s="161">
        <v>0.33300000000000002</v>
      </c>
      <c r="H75" s="97">
        <v>9.2416325574523103E-2</v>
      </c>
      <c r="I75" s="157">
        <v>99</v>
      </c>
      <c r="J75" s="161">
        <v>0.79800000000000004</v>
      </c>
      <c r="K75" s="97">
        <v>8.0763220505152195E-2</v>
      </c>
      <c r="L75" s="161">
        <v>0.157</v>
      </c>
      <c r="M75" s="97">
        <v>7.4079818842170103E-2</v>
      </c>
      <c r="N75" s="161">
        <v>4.4999999999999998E-2</v>
      </c>
      <c r="O75" s="97">
        <v>4.7762513708850325E-2</v>
      </c>
      <c r="P75" s="157">
        <v>100</v>
      </c>
      <c r="Q75" s="161">
        <v>0.89900000000000002</v>
      </c>
      <c r="R75" s="97">
        <v>6.2882590941483005E-2</v>
      </c>
      <c r="S75" s="161">
        <v>5.2999999999999999E-2</v>
      </c>
      <c r="T75" s="97">
        <v>5.0101952838163329E-2</v>
      </c>
      <c r="U75" s="161">
        <v>4.8000000000000001E-2</v>
      </c>
      <c r="V75" s="97">
        <v>4.848055417286927E-2</v>
      </c>
    </row>
    <row r="76" spans="1:22">
      <c r="A76" s="45" t="s">
        <v>453</v>
      </c>
      <c r="B76" s="83">
        <v>476</v>
      </c>
      <c r="C76" s="98">
        <v>0.32700000000000001</v>
      </c>
      <c r="D76" s="94">
        <v>4.2872654286064529E-2</v>
      </c>
      <c r="E76" s="98">
        <v>0.35399999999999998</v>
      </c>
      <c r="F76" s="94">
        <v>4.3688078693247742E-2</v>
      </c>
      <c r="G76" s="98">
        <v>0.31900000000000001</v>
      </c>
      <c r="H76" s="94">
        <v>4.2601128858010935E-2</v>
      </c>
      <c r="I76" s="83">
        <v>475</v>
      </c>
      <c r="J76" s="98">
        <v>0.76200000000000001</v>
      </c>
      <c r="K76" s="94">
        <v>3.9038300153565762E-2</v>
      </c>
      <c r="L76" s="98">
        <v>0.153</v>
      </c>
      <c r="M76" s="94">
        <v>3.3149702773388585E-2</v>
      </c>
      <c r="N76" s="98">
        <v>8.5999999999999993E-2</v>
      </c>
      <c r="O76" s="94">
        <v>2.6080750054079675E-2</v>
      </c>
      <c r="P76" s="83">
        <v>475</v>
      </c>
      <c r="Q76" s="98">
        <v>0.85099999999999998</v>
      </c>
      <c r="R76" s="94">
        <v>3.2802062840329521E-2</v>
      </c>
      <c r="S76" s="98">
        <v>0.11</v>
      </c>
      <c r="T76" s="94">
        <v>2.8959648786674386E-2</v>
      </c>
      <c r="U76" s="98">
        <v>0.04</v>
      </c>
      <c r="V76" s="94">
        <v>1.8709798570319115E-2</v>
      </c>
    </row>
    <row r="77" spans="1:22" ht="25.5">
      <c r="A77" s="49" t="s">
        <v>438</v>
      </c>
      <c r="B77" s="157">
        <v>67</v>
      </c>
      <c r="C77" s="161">
        <v>0.40100000000000002</v>
      </c>
      <c r="D77" s="97">
        <v>0.11658817129252513</v>
      </c>
      <c r="E77" s="161">
        <v>0.33300000000000002</v>
      </c>
      <c r="F77" s="97">
        <v>0.11262924434248046</v>
      </c>
      <c r="G77" s="161">
        <v>0.26700000000000002</v>
      </c>
      <c r="H77" s="97">
        <v>0.10658746552622428</v>
      </c>
      <c r="I77" s="157">
        <v>67</v>
      </c>
      <c r="J77" s="161">
        <v>0.75600000000000001</v>
      </c>
      <c r="K77" s="97">
        <v>0.10390687285114568</v>
      </c>
      <c r="L77" s="161">
        <v>6.7000000000000004E-2</v>
      </c>
      <c r="M77" s="97">
        <v>6.8398762868557783E-2</v>
      </c>
      <c r="N77" s="161">
        <v>0.17699999999999999</v>
      </c>
      <c r="O77" s="97">
        <v>9.40767570369518E-2</v>
      </c>
      <c r="P77" s="157">
        <v>67</v>
      </c>
      <c r="Q77" s="161">
        <v>0.83</v>
      </c>
      <c r="R77" s="97">
        <v>9.2849955237497561E-2</v>
      </c>
      <c r="S77" s="161">
        <v>0.153</v>
      </c>
      <c r="T77" s="97">
        <v>8.9686790304148667E-2</v>
      </c>
      <c r="U77" s="161">
        <v>1.7000000000000001E-2</v>
      </c>
      <c r="V77" s="97">
        <v>4.8791959290432875E-2</v>
      </c>
    </row>
    <row r="78" spans="1:22" ht="25.5">
      <c r="A78" s="45" t="s">
        <v>439</v>
      </c>
      <c r="B78" s="83">
        <v>72</v>
      </c>
      <c r="C78" s="98">
        <v>0.34599999999999997</v>
      </c>
      <c r="D78" s="94">
        <v>0.10971607514560693</v>
      </c>
      <c r="E78" s="98">
        <v>0.23599999999999999</v>
      </c>
      <c r="F78" s="94">
        <v>9.9325980419795984E-2</v>
      </c>
      <c r="G78" s="98">
        <v>0.41799999999999998</v>
      </c>
      <c r="H78" s="94">
        <v>0.11331492293485329</v>
      </c>
      <c r="I78" s="83">
        <v>72</v>
      </c>
      <c r="J78" s="98">
        <v>0.70699999999999996</v>
      </c>
      <c r="K78" s="94">
        <v>0.10551695442758124</v>
      </c>
      <c r="L78" s="98">
        <v>0.221</v>
      </c>
      <c r="M78" s="94">
        <v>9.7369930361888971E-2</v>
      </c>
      <c r="N78" s="98">
        <v>7.1999999999999995E-2</v>
      </c>
      <c r="O78" s="94">
        <v>6.7117764301868527E-2</v>
      </c>
      <c r="P78" s="83">
        <v>72</v>
      </c>
      <c r="Q78" s="98">
        <v>0.87</v>
      </c>
      <c r="R78" s="94">
        <v>8.1799273558432486E-2</v>
      </c>
      <c r="S78" s="98">
        <v>0.112</v>
      </c>
      <c r="T78" s="94">
        <v>7.7759994264241836E-2</v>
      </c>
      <c r="U78" s="98">
        <v>1.7999999999999999E-2</v>
      </c>
      <c r="V78" s="94">
        <v>4.6728556077139612E-2</v>
      </c>
    </row>
    <row r="79" spans="1:22">
      <c r="A79" s="49" t="s">
        <v>440</v>
      </c>
      <c r="B79" s="157">
        <v>76</v>
      </c>
      <c r="C79" s="161">
        <v>0.251</v>
      </c>
      <c r="D79" s="97">
        <v>9.8499770938819953E-2</v>
      </c>
      <c r="E79" s="161">
        <v>0.39500000000000002</v>
      </c>
      <c r="F79" s="97">
        <v>0.10955590753126918</v>
      </c>
      <c r="G79" s="161">
        <v>0.35299999999999998</v>
      </c>
      <c r="H79" s="97">
        <v>0.10735405849337976</v>
      </c>
      <c r="I79" s="157">
        <v>76</v>
      </c>
      <c r="J79" s="161">
        <v>0.65900000000000003</v>
      </c>
      <c r="K79" s="97">
        <v>0.10657952371351638</v>
      </c>
      <c r="L79" s="161">
        <v>0.26</v>
      </c>
      <c r="M79" s="97">
        <v>9.9502763780711129E-2</v>
      </c>
      <c r="N79" s="161">
        <v>8.1000000000000003E-2</v>
      </c>
      <c r="O79" s="97">
        <v>6.7659514297695053E-2</v>
      </c>
      <c r="P79" s="157">
        <v>76</v>
      </c>
      <c r="Q79" s="161">
        <v>0.85299999999999998</v>
      </c>
      <c r="R79" s="97">
        <v>8.292779313957413E-2</v>
      </c>
      <c r="S79" s="161">
        <v>8.8999999999999996E-2</v>
      </c>
      <c r="T79" s="97">
        <v>6.9838670341008061E-2</v>
      </c>
      <c r="U79" s="161">
        <v>5.8000000000000003E-2</v>
      </c>
      <c r="V79" s="97">
        <v>6.0697607036851134E-2</v>
      </c>
    </row>
    <row r="80" spans="1:22">
      <c r="A80" s="57" t="s">
        <v>441</v>
      </c>
      <c r="B80" s="83">
        <v>58</v>
      </c>
      <c r="C80" s="98">
        <v>0.33200000000000002</v>
      </c>
      <c r="D80" s="94">
        <v>0.12056328249275766</v>
      </c>
      <c r="E80" s="98">
        <v>0.315</v>
      </c>
      <c r="F80" s="94">
        <v>0.11914985773062152</v>
      </c>
      <c r="G80" s="98">
        <v>0.35299999999999998</v>
      </c>
      <c r="H80" s="94">
        <v>0.12210236695705393</v>
      </c>
      <c r="I80" s="83">
        <v>58</v>
      </c>
      <c r="J80" s="98">
        <v>0.79800000000000004</v>
      </c>
      <c r="K80" s="94">
        <v>0.10542844967435723</v>
      </c>
      <c r="L80" s="98">
        <v>0.20200000000000001</v>
      </c>
      <c r="M80" s="94">
        <v>0.10542844967435724</v>
      </c>
      <c r="N80" s="98">
        <v>0</v>
      </c>
      <c r="O80" s="94">
        <v>4.4877957654209835E-2</v>
      </c>
      <c r="P80" s="83">
        <v>58</v>
      </c>
      <c r="Q80" s="98">
        <v>0.92</v>
      </c>
      <c r="R80" s="94">
        <v>7.8546084747040834E-2</v>
      </c>
      <c r="S80" s="98">
        <v>0.08</v>
      </c>
      <c r="T80" s="94">
        <v>7.8546084747040834E-2</v>
      </c>
      <c r="U80" s="98">
        <v>0</v>
      </c>
      <c r="V80" s="94">
        <v>4.4877957654209835E-2</v>
      </c>
    </row>
    <row r="81" spans="1:22" ht="25.5">
      <c r="A81" s="49" t="s">
        <v>442</v>
      </c>
      <c r="B81" s="157">
        <v>102</v>
      </c>
      <c r="C81" s="161">
        <v>0.443</v>
      </c>
      <c r="D81" s="97">
        <v>9.6542410465444359E-2</v>
      </c>
      <c r="E81" s="161">
        <v>0.316</v>
      </c>
      <c r="F81" s="97">
        <v>9.0834902912790033E-2</v>
      </c>
      <c r="G81" s="161">
        <v>0.24099999999999999</v>
      </c>
      <c r="H81" s="97">
        <v>8.4202405294202878E-2</v>
      </c>
      <c r="I81" s="157">
        <v>101</v>
      </c>
      <c r="J81" s="161">
        <v>0.79900000000000004</v>
      </c>
      <c r="K81" s="97">
        <v>7.9828569134485869E-2</v>
      </c>
      <c r="L81" s="161">
        <v>9.1999999999999998E-2</v>
      </c>
      <c r="M81" s="97">
        <v>6.046719410293664E-2</v>
      </c>
      <c r="N81" s="161">
        <v>0.109</v>
      </c>
      <c r="O81" s="97">
        <v>6.4304397560520102E-2</v>
      </c>
      <c r="P81" s="157">
        <v>102</v>
      </c>
      <c r="Q81" s="161">
        <v>0.77800000000000002</v>
      </c>
      <c r="R81" s="97">
        <v>8.2058125450790664E-2</v>
      </c>
      <c r="S81" s="161">
        <v>0.1</v>
      </c>
      <c r="T81" s="97">
        <v>6.1994410158685925E-2</v>
      </c>
      <c r="U81" s="161">
        <v>0.122</v>
      </c>
      <c r="V81" s="97">
        <v>6.6643583708219045E-2</v>
      </c>
    </row>
    <row r="82" spans="1:22">
      <c r="A82" s="57" t="s">
        <v>443</v>
      </c>
      <c r="B82" s="83">
        <v>149</v>
      </c>
      <c r="C82" s="98">
        <v>0.33800000000000002</v>
      </c>
      <c r="D82" s="94">
        <v>7.6715295332698344E-2</v>
      </c>
      <c r="E82" s="98">
        <v>0.38100000000000001</v>
      </c>
      <c r="F82" s="94">
        <v>7.8643693128012754E-2</v>
      </c>
      <c r="G82" s="98">
        <v>0.28100000000000003</v>
      </c>
      <c r="H82" s="94">
        <v>7.3121616568687958E-2</v>
      </c>
      <c r="I82" s="83">
        <v>149</v>
      </c>
      <c r="J82" s="98">
        <v>0.81799999999999995</v>
      </c>
      <c r="K82" s="94">
        <v>6.3471348356785792E-2</v>
      </c>
      <c r="L82" s="98">
        <v>8.3000000000000004E-2</v>
      </c>
      <c r="M82" s="94">
        <v>4.7163845282532244E-2</v>
      </c>
      <c r="N82" s="98">
        <v>9.9000000000000005E-2</v>
      </c>
      <c r="O82" s="94">
        <v>5.0487036657543442E-2</v>
      </c>
      <c r="P82" s="83">
        <v>148</v>
      </c>
      <c r="Q82" s="98">
        <v>0.82599999999999996</v>
      </c>
      <c r="R82" s="94">
        <v>6.2669533298477326E-2</v>
      </c>
      <c r="S82" s="98">
        <v>0.11899999999999999</v>
      </c>
      <c r="T82" s="94">
        <v>5.4381335232457889E-2</v>
      </c>
      <c r="U82" s="98">
        <v>5.5E-2</v>
      </c>
      <c r="V82" s="94">
        <v>4.0477489518854097E-2</v>
      </c>
    </row>
    <row r="83" spans="1:22">
      <c r="A83" s="49" t="s">
        <v>455</v>
      </c>
      <c r="B83" s="157">
        <v>124</v>
      </c>
      <c r="C83" s="161">
        <v>0.311</v>
      </c>
      <c r="D83" s="97">
        <v>8.2248989110607296E-2</v>
      </c>
      <c r="E83" s="161">
        <v>0.372</v>
      </c>
      <c r="F83" s="97">
        <v>8.562709851443058E-2</v>
      </c>
      <c r="G83" s="161">
        <v>0.317</v>
      </c>
      <c r="H83" s="97">
        <v>8.2645961486034952E-2</v>
      </c>
      <c r="I83" s="157">
        <v>124</v>
      </c>
      <c r="J83" s="161">
        <v>0.81899999999999995</v>
      </c>
      <c r="K83" s="97">
        <v>6.9484640057047298E-2</v>
      </c>
      <c r="L83" s="161">
        <v>0.13700000000000001</v>
      </c>
      <c r="M83" s="97">
        <v>6.2833580252704427E-2</v>
      </c>
      <c r="N83" s="161">
        <v>4.2999999999999997E-2</v>
      </c>
      <c r="O83" s="97">
        <v>4.1079233043609421E-2</v>
      </c>
      <c r="P83" s="157">
        <v>124</v>
      </c>
      <c r="Q83" s="161">
        <v>0.9</v>
      </c>
      <c r="R83" s="97">
        <v>5.5858009161623354E-2</v>
      </c>
      <c r="S83" s="161">
        <v>0.08</v>
      </c>
      <c r="T83" s="97">
        <v>5.1372638137619039E-2</v>
      </c>
      <c r="U83" s="161">
        <v>0.02</v>
      </c>
      <c r="V83" s="97">
        <v>3.2487978545917562E-2</v>
      </c>
    </row>
    <row r="84" spans="1:22">
      <c r="A84" s="57" t="s">
        <v>444</v>
      </c>
      <c r="B84" s="83">
        <v>76</v>
      </c>
      <c r="C84" s="98">
        <v>0.26400000000000001</v>
      </c>
      <c r="D84" s="94">
        <v>9.993356793390297E-2</v>
      </c>
      <c r="E84" s="98">
        <v>0.42899999999999999</v>
      </c>
      <c r="F84" s="94">
        <v>0.11078142838490575</v>
      </c>
      <c r="G84" s="98">
        <v>0.307</v>
      </c>
      <c r="H84" s="94">
        <v>0.10401508965049253</v>
      </c>
      <c r="I84" s="83">
        <v>76</v>
      </c>
      <c r="J84" s="98">
        <v>0.82</v>
      </c>
      <c r="K84" s="94">
        <v>8.8764857911225209E-2</v>
      </c>
      <c r="L84" s="98">
        <v>0.16300000000000001</v>
      </c>
      <c r="M84" s="94">
        <v>8.5878978073798712E-2</v>
      </c>
      <c r="N84" s="98">
        <v>1.7999999999999999E-2</v>
      </c>
      <c r="O84" s="94">
        <v>4.4904114510810694E-2</v>
      </c>
      <c r="P84" s="83">
        <v>76</v>
      </c>
      <c r="Q84" s="98">
        <v>0.878</v>
      </c>
      <c r="R84" s="94">
        <v>7.7796911892439535E-2</v>
      </c>
      <c r="S84" s="98">
        <v>0.107</v>
      </c>
      <c r="T84" s="94">
        <v>7.4367256739777621E-2</v>
      </c>
      <c r="U84" s="98">
        <v>1.4999999999999999E-2</v>
      </c>
      <c r="V84" s="94">
        <v>4.3422020623181505E-2</v>
      </c>
    </row>
    <row r="85" spans="1:22">
      <c r="A85" s="49" t="s">
        <v>454</v>
      </c>
      <c r="B85" s="157">
        <v>225</v>
      </c>
      <c r="C85" s="161">
        <v>0.35499999999999998</v>
      </c>
      <c r="D85" s="97">
        <v>6.3342568037326547E-2</v>
      </c>
      <c r="E85" s="161">
        <v>0.33400000000000002</v>
      </c>
      <c r="F85" s="97">
        <v>6.2467213766182556E-2</v>
      </c>
      <c r="G85" s="161">
        <v>0.311</v>
      </c>
      <c r="H85" s="97">
        <v>6.1355289547294543E-2</v>
      </c>
      <c r="I85" s="157">
        <v>224</v>
      </c>
      <c r="J85" s="161">
        <v>0.86599999999999999</v>
      </c>
      <c r="K85" s="97">
        <v>4.6017346197302876E-2</v>
      </c>
      <c r="L85" s="161">
        <v>7.6999999999999999E-2</v>
      </c>
      <c r="M85" s="97">
        <v>3.6824414694829256E-2</v>
      </c>
      <c r="N85" s="161">
        <v>5.7000000000000002E-2</v>
      </c>
      <c r="O85" s="97">
        <v>3.2599786602294643E-2</v>
      </c>
      <c r="P85" s="157">
        <v>224</v>
      </c>
      <c r="Q85" s="161">
        <v>0.88200000000000001</v>
      </c>
      <c r="R85" s="97">
        <v>4.3759956629245679E-2</v>
      </c>
      <c r="S85" s="161">
        <v>0.06</v>
      </c>
      <c r="T85" s="97">
        <v>3.3280676362353462E-2</v>
      </c>
      <c r="U85" s="161">
        <v>5.8000000000000003E-2</v>
      </c>
      <c r="V85" s="97">
        <v>3.2828834857375012E-2</v>
      </c>
    </row>
    <row r="86" spans="1:22" ht="25.5">
      <c r="A86" s="57" t="s">
        <v>445</v>
      </c>
      <c r="B86" s="83">
        <v>99</v>
      </c>
      <c r="C86" s="98">
        <v>0.24299999999999999</v>
      </c>
      <c r="D86" s="94">
        <v>8.566845266569284E-2</v>
      </c>
      <c r="E86" s="98">
        <v>0.40799999999999997</v>
      </c>
      <c r="F86" s="94">
        <v>9.6979756279621868E-2</v>
      </c>
      <c r="G86" s="98">
        <v>0.34899999999999998</v>
      </c>
      <c r="H86" s="94">
        <v>9.4290516577656122E-2</v>
      </c>
      <c r="I86" s="83">
        <v>98</v>
      </c>
      <c r="J86" s="98">
        <v>0.89300000000000002</v>
      </c>
      <c r="K86" s="94">
        <v>6.4906304889515543E-2</v>
      </c>
      <c r="L86" s="98">
        <v>8.5999999999999993E-2</v>
      </c>
      <c r="M86" s="94">
        <v>5.9994522218683004E-2</v>
      </c>
      <c r="N86" s="98">
        <v>2.1000000000000001E-2</v>
      </c>
      <c r="O86" s="94">
        <v>3.8705282664672977E-2</v>
      </c>
      <c r="P86" s="83">
        <v>98</v>
      </c>
      <c r="Q86" s="98">
        <v>0.997</v>
      </c>
      <c r="R86" s="94">
        <v>2.9362098524394992E-2</v>
      </c>
      <c r="S86" s="98">
        <v>1E-3</v>
      </c>
      <c r="T86" s="94">
        <v>2.8107328620606956E-2</v>
      </c>
      <c r="U86" s="98">
        <v>2E-3</v>
      </c>
      <c r="V86" s="94">
        <v>2.8742191569647892E-2</v>
      </c>
    </row>
    <row r="87" spans="1:22">
      <c r="A87" s="49" t="s">
        <v>471</v>
      </c>
      <c r="B87" s="157">
        <v>78</v>
      </c>
      <c r="C87" s="161">
        <v>0.33200000000000002</v>
      </c>
      <c r="D87" s="97">
        <v>0.10463931102737455</v>
      </c>
      <c r="E87" s="161">
        <v>0.33300000000000002</v>
      </c>
      <c r="F87" s="97">
        <v>0.10470993969860251</v>
      </c>
      <c r="G87" s="161">
        <v>0.33500000000000002</v>
      </c>
      <c r="H87" s="97">
        <v>0.10484979144253535</v>
      </c>
      <c r="I87" s="157">
        <v>78</v>
      </c>
      <c r="J87" s="161">
        <v>0.875</v>
      </c>
      <c r="K87" s="97">
        <v>7.7384024930611389E-2</v>
      </c>
      <c r="L87" s="161">
        <v>8.3000000000000004E-2</v>
      </c>
      <c r="M87" s="97">
        <v>6.7231672760271213E-2</v>
      </c>
      <c r="N87" s="161">
        <v>4.2999999999999997E-2</v>
      </c>
      <c r="O87" s="97">
        <v>5.4562360153446711E-2</v>
      </c>
      <c r="P87" s="157">
        <v>78</v>
      </c>
      <c r="Q87" s="161">
        <v>0.88900000000000001</v>
      </c>
      <c r="R87" s="97">
        <v>7.4271075886892191E-2</v>
      </c>
      <c r="S87" s="161">
        <v>0.09</v>
      </c>
      <c r="T87" s="97">
        <v>6.9105786704859687E-2</v>
      </c>
      <c r="U87" s="161">
        <v>2.1000000000000001E-2</v>
      </c>
      <c r="V87" s="97">
        <v>4.5477158398306704E-2</v>
      </c>
    </row>
    <row r="88" spans="1:22" ht="25.5">
      <c r="A88" s="57" t="s">
        <v>442</v>
      </c>
      <c r="B88" s="83">
        <v>102</v>
      </c>
      <c r="C88" s="98">
        <v>0.443</v>
      </c>
      <c r="D88" s="94">
        <v>9.6542410465444359E-2</v>
      </c>
      <c r="E88" s="98">
        <v>0.316</v>
      </c>
      <c r="F88" s="94">
        <v>9.0834902912790033E-2</v>
      </c>
      <c r="G88" s="98">
        <v>0.24099999999999999</v>
      </c>
      <c r="H88" s="94">
        <v>8.4202405294202878E-2</v>
      </c>
      <c r="I88" s="83">
        <v>101</v>
      </c>
      <c r="J88" s="98">
        <v>0.79900000000000004</v>
      </c>
      <c r="K88" s="94">
        <v>7.9828569134485869E-2</v>
      </c>
      <c r="L88" s="98">
        <v>9.1999999999999998E-2</v>
      </c>
      <c r="M88" s="94">
        <v>6.046719410293664E-2</v>
      </c>
      <c r="N88" s="98">
        <v>0.109</v>
      </c>
      <c r="O88" s="94">
        <v>6.4304397560520102E-2</v>
      </c>
      <c r="P88" s="83">
        <v>102</v>
      </c>
      <c r="Q88" s="98">
        <v>0.77800000000000002</v>
      </c>
      <c r="R88" s="94">
        <v>8.2058125450790664E-2</v>
      </c>
      <c r="S88" s="98">
        <v>0.1</v>
      </c>
      <c r="T88" s="94">
        <v>6.1994410158685925E-2</v>
      </c>
      <c r="U88" s="98">
        <v>0.122</v>
      </c>
      <c r="V88" s="94">
        <v>6.6643583708219045E-2</v>
      </c>
    </row>
    <row r="89" spans="1:22" s="258" customFormat="1">
      <c r="A89" s="251"/>
      <c r="B89" s="259"/>
      <c r="C89" s="260"/>
      <c r="D89" s="257"/>
      <c r="E89" s="261"/>
      <c r="F89" s="257"/>
      <c r="G89" s="261"/>
      <c r="H89" s="257"/>
      <c r="I89" s="259"/>
      <c r="J89" s="261"/>
      <c r="K89" s="257"/>
      <c r="L89" s="261"/>
      <c r="M89" s="257"/>
      <c r="N89" s="261"/>
      <c r="O89" s="257"/>
    </row>
    <row r="90" spans="1:22" ht="18.75">
      <c r="A90" s="367" t="s">
        <v>230</v>
      </c>
      <c r="B90" s="367"/>
      <c r="C90" s="367"/>
      <c r="D90" s="367"/>
      <c r="E90" s="367"/>
      <c r="F90" s="367"/>
      <c r="G90" s="367"/>
      <c r="H90" s="367"/>
      <c r="I90" s="367"/>
      <c r="J90" s="239"/>
      <c r="K90" s="239"/>
    </row>
    <row r="91" spans="1:22" ht="81" customHeight="1">
      <c r="A91" s="408" t="s">
        <v>231</v>
      </c>
      <c r="B91" s="408"/>
      <c r="C91" s="408"/>
      <c r="D91" s="408"/>
      <c r="E91" s="408"/>
      <c r="F91" s="408"/>
      <c r="G91" s="408"/>
      <c r="H91" s="408"/>
      <c r="I91" s="408"/>
      <c r="J91" s="239"/>
      <c r="K91" s="239"/>
    </row>
    <row r="92" spans="1:22" ht="30" customHeight="1">
      <c r="A92" s="410" t="s">
        <v>230</v>
      </c>
      <c r="B92" s="410"/>
      <c r="C92" s="410"/>
      <c r="D92" s="410"/>
      <c r="E92" s="412" t="s">
        <v>232</v>
      </c>
      <c r="F92" s="413"/>
      <c r="G92" s="413"/>
      <c r="H92" s="413"/>
      <c r="I92" s="414"/>
    </row>
    <row r="93" spans="1:22" ht="72">
      <c r="A93" s="37" t="s">
        <v>85</v>
      </c>
      <c r="B93" s="38" t="s">
        <v>86</v>
      </c>
      <c r="C93" s="39" t="s">
        <v>87</v>
      </c>
      <c r="D93" s="40" t="s">
        <v>88</v>
      </c>
      <c r="E93" s="38" t="s">
        <v>86</v>
      </c>
      <c r="F93" s="38" t="s">
        <v>237</v>
      </c>
      <c r="G93" s="89" t="s">
        <v>234</v>
      </c>
      <c r="H93" s="38" t="s">
        <v>238</v>
      </c>
      <c r="I93" s="89" t="s">
        <v>236</v>
      </c>
    </row>
    <row r="94" spans="1:22" ht="84">
      <c r="A94" s="41"/>
      <c r="B94" s="42" t="s">
        <v>89</v>
      </c>
      <c r="C94" s="43" t="s">
        <v>343</v>
      </c>
      <c r="D94" s="44" t="s">
        <v>91</v>
      </c>
      <c r="E94" s="42" t="s">
        <v>89</v>
      </c>
      <c r="F94" s="42" t="s">
        <v>233</v>
      </c>
      <c r="G94" s="91" t="s">
        <v>104</v>
      </c>
      <c r="H94" s="42" t="s">
        <v>235</v>
      </c>
      <c r="I94" s="91" t="s">
        <v>104</v>
      </c>
    </row>
    <row r="95" spans="1:22">
      <c r="A95" s="45" t="s">
        <v>430</v>
      </c>
      <c r="B95" s="151">
        <v>9248</v>
      </c>
      <c r="C95" s="84">
        <v>11.39</v>
      </c>
      <c r="D95" s="85">
        <v>9.8000000000000004E-2</v>
      </c>
      <c r="E95" s="83">
        <v>9248</v>
      </c>
      <c r="F95" s="98">
        <v>0.90700000000000003</v>
      </c>
      <c r="G95" s="94">
        <v>6.0440164559000106E-3</v>
      </c>
      <c r="H95" s="98">
        <v>9.2999999999999999E-2</v>
      </c>
      <c r="I95" s="94">
        <v>6.0440164559000097E-3</v>
      </c>
    </row>
    <row r="96" spans="1:22">
      <c r="A96" s="49" t="s">
        <v>431</v>
      </c>
      <c r="B96" s="49">
        <v>8621</v>
      </c>
      <c r="C96" s="153">
        <v>11.39166</v>
      </c>
      <c r="D96" s="154">
        <v>0.101354736</v>
      </c>
      <c r="E96" s="125">
        <v>8621</v>
      </c>
      <c r="F96" s="155">
        <v>0.90700000000000003</v>
      </c>
      <c r="G96" s="97">
        <v>6.2602351142158766E-3</v>
      </c>
      <c r="H96" s="155">
        <v>9.2899999999999996E-2</v>
      </c>
      <c r="I96" s="97">
        <v>6.2572216945133638E-3</v>
      </c>
    </row>
    <row r="97" spans="1:9">
      <c r="A97" s="45" t="s">
        <v>432</v>
      </c>
      <c r="B97" s="53">
        <v>824</v>
      </c>
      <c r="C97" s="84">
        <v>12.37</v>
      </c>
      <c r="D97" s="85">
        <v>0.3332</v>
      </c>
      <c r="E97" s="83">
        <v>824</v>
      </c>
      <c r="F97" s="98">
        <v>0.87990000000000002</v>
      </c>
      <c r="G97" s="94">
        <v>2.2742738574537093E-2</v>
      </c>
      <c r="H97" s="98">
        <v>0.1201</v>
      </c>
      <c r="I97" s="94">
        <v>2.2742738574537097E-2</v>
      </c>
    </row>
    <row r="98" spans="1:9">
      <c r="A98" s="49" t="s">
        <v>433</v>
      </c>
      <c r="B98" s="49">
        <v>104</v>
      </c>
      <c r="C98" s="153">
        <v>13.07</v>
      </c>
      <c r="D98" s="154">
        <v>0.86239999999999994</v>
      </c>
      <c r="E98" s="125">
        <v>104</v>
      </c>
      <c r="F98" s="155">
        <v>0.86799999999999999</v>
      </c>
      <c r="G98" s="97">
        <v>6.7883789753100873E-2</v>
      </c>
      <c r="H98" s="155">
        <v>0.13200000000000001</v>
      </c>
      <c r="I98" s="97">
        <v>6.7883789753100887E-2</v>
      </c>
    </row>
    <row r="99" spans="1:9">
      <c r="A99" s="45" t="s">
        <v>434</v>
      </c>
      <c r="B99" s="53">
        <v>2529</v>
      </c>
      <c r="C99" s="84">
        <v>11.23</v>
      </c>
      <c r="D99" s="85">
        <v>0.1764</v>
      </c>
      <c r="E99" s="83">
        <v>2529</v>
      </c>
      <c r="F99" s="98">
        <v>0.91800000000000004</v>
      </c>
      <c r="G99" s="94">
        <v>1.0942724727820327E-2</v>
      </c>
      <c r="H99" s="98">
        <v>8.2000000000000003E-2</v>
      </c>
      <c r="I99" s="94">
        <v>1.0942724727820338E-2</v>
      </c>
    </row>
    <row r="100" spans="1:9">
      <c r="A100" s="49" t="s">
        <v>435</v>
      </c>
      <c r="B100" s="49">
        <v>2467</v>
      </c>
      <c r="C100" s="153">
        <v>11.34</v>
      </c>
      <c r="D100" s="154">
        <v>0.1764</v>
      </c>
      <c r="E100" s="125">
        <v>2467</v>
      </c>
      <c r="F100" s="155">
        <v>0.91300000000000003</v>
      </c>
      <c r="G100" s="97">
        <v>1.1378679621095006E-2</v>
      </c>
      <c r="H100" s="155">
        <v>8.6999999999999994E-2</v>
      </c>
      <c r="I100" s="97">
        <v>1.1378679621095006E-2</v>
      </c>
    </row>
    <row r="101" spans="1:9">
      <c r="A101" s="45" t="s">
        <v>452</v>
      </c>
      <c r="B101" s="53">
        <v>48</v>
      </c>
      <c r="C101" s="84">
        <v>12.06</v>
      </c>
      <c r="D101" s="85">
        <v>1.3523999999999998</v>
      </c>
      <c r="E101" s="83">
        <v>48</v>
      </c>
      <c r="F101" s="98">
        <v>0.93</v>
      </c>
      <c r="G101" s="94">
        <v>8.4330882656865003E-2</v>
      </c>
      <c r="H101" s="98">
        <v>7.0000000000000007E-2</v>
      </c>
      <c r="I101" s="94">
        <v>8.4330882656865017E-2</v>
      </c>
    </row>
    <row r="102" spans="1:9">
      <c r="A102" s="49" t="s">
        <v>172</v>
      </c>
      <c r="B102" s="49">
        <v>235</v>
      </c>
      <c r="C102" s="153">
        <v>10.68</v>
      </c>
      <c r="D102" s="154">
        <v>0.56839999999999991</v>
      </c>
      <c r="E102" s="125">
        <v>235</v>
      </c>
      <c r="F102" s="155">
        <v>0.90300000000000002</v>
      </c>
      <c r="G102" s="97">
        <v>3.9448455346921429E-2</v>
      </c>
      <c r="H102" s="155">
        <v>9.7000000000000003E-2</v>
      </c>
      <c r="I102" s="97">
        <v>3.9448455346921443E-2</v>
      </c>
    </row>
    <row r="103" spans="1:9" ht="25.5">
      <c r="A103" s="45" t="s">
        <v>436</v>
      </c>
      <c r="B103" s="53">
        <v>95</v>
      </c>
      <c r="C103" s="84">
        <v>10.46</v>
      </c>
      <c r="D103" s="85">
        <v>0.88200000000000001</v>
      </c>
      <c r="E103" s="83">
        <v>95</v>
      </c>
      <c r="F103" s="98">
        <v>0.91300000000000003</v>
      </c>
      <c r="G103" s="94">
        <v>6.127794005451289E-2</v>
      </c>
      <c r="H103" s="98">
        <v>8.6999999999999994E-2</v>
      </c>
      <c r="I103" s="94">
        <v>6.1277940054512876E-2</v>
      </c>
    </row>
    <row r="104" spans="1:9" ht="25.5">
      <c r="A104" s="49" t="s">
        <v>437</v>
      </c>
      <c r="B104" s="49">
        <v>114</v>
      </c>
      <c r="C104" s="153">
        <v>11.21</v>
      </c>
      <c r="D104" s="154">
        <v>0.82319999999999993</v>
      </c>
      <c r="E104" s="125">
        <v>114</v>
      </c>
      <c r="F104" s="155">
        <v>0.88200000000000001</v>
      </c>
      <c r="G104" s="97">
        <v>6.21102005844252E-2</v>
      </c>
      <c r="H104" s="155">
        <v>0.11799999999999999</v>
      </c>
      <c r="I104" s="97">
        <v>6.2110200584425207E-2</v>
      </c>
    </row>
    <row r="105" spans="1:9">
      <c r="A105" s="45" t="s">
        <v>453</v>
      </c>
      <c r="B105" s="151">
        <v>532</v>
      </c>
      <c r="C105" s="84">
        <v>11.63</v>
      </c>
      <c r="D105" s="85">
        <v>0.37240000000000001</v>
      </c>
      <c r="E105" s="83">
        <v>532</v>
      </c>
      <c r="F105" s="98">
        <v>0.91700000000000004</v>
      </c>
      <c r="G105" s="94">
        <v>2.4234038297670041E-2</v>
      </c>
      <c r="H105" s="98">
        <v>8.3000000000000004E-2</v>
      </c>
      <c r="I105" s="94">
        <v>2.4234038297670044E-2</v>
      </c>
    </row>
    <row r="106" spans="1:9" ht="25.5">
      <c r="A106" s="49" t="s">
        <v>438</v>
      </c>
      <c r="B106" s="152">
        <v>77</v>
      </c>
      <c r="C106" s="153">
        <v>11.84</v>
      </c>
      <c r="D106" s="154">
        <v>0.92119999999999991</v>
      </c>
      <c r="E106" s="125">
        <v>77</v>
      </c>
      <c r="F106" s="155">
        <v>0.91300000000000003</v>
      </c>
      <c r="G106" s="97">
        <v>6.8803302549485329E-2</v>
      </c>
      <c r="H106" s="155">
        <v>8.6999999999999994E-2</v>
      </c>
      <c r="I106" s="97">
        <v>6.8803302549485329E-2</v>
      </c>
    </row>
    <row r="107" spans="1:9" ht="25.5">
      <c r="A107" s="45" t="s">
        <v>439</v>
      </c>
      <c r="B107" s="83">
        <v>78</v>
      </c>
      <c r="C107" s="84">
        <v>11.58</v>
      </c>
      <c r="D107" s="85">
        <v>0.86239999999999994</v>
      </c>
      <c r="E107" s="83">
        <v>78</v>
      </c>
      <c r="F107" s="98">
        <v>0.97899999999999998</v>
      </c>
      <c r="G107" s="94">
        <v>4.5477158398306725E-2</v>
      </c>
      <c r="H107" s="98">
        <v>2.1000000000000001E-2</v>
      </c>
      <c r="I107" s="94">
        <v>4.5477158398306704E-2</v>
      </c>
    </row>
    <row r="108" spans="1:9">
      <c r="A108" s="49" t="s">
        <v>440</v>
      </c>
      <c r="B108" s="152">
        <v>79</v>
      </c>
      <c r="C108" s="153">
        <v>10.96</v>
      </c>
      <c r="D108" s="154">
        <v>1.0192000000000001</v>
      </c>
      <c r="E108" s="125">
        <v>79</v>
      </c>
      <c r="F108" s="155">
        <v>0.96699999999999997</v>
      </c>
      <c r="G108" s="97">
        <v>5.0264411892617399E-2</v>
      </c>
      <c r="H108" s="155">
        <v>3.3000000000000002E-2</v>
      </c>
      <c r="I108" s="97">
        <v>5.0264411892617426E-2</v>
      </c>
    </row>
    <row r="109" spans="1:9">
      <c r="A109" s="57" t="s">
        <v>441</v>
      </c>
      <c r="B109" s="151">
        <v>74</v>
      </c>
      <c r="C109" s="84">
        <v>11.42</v>
      </c>
      <c r="D109" s="85">
        <v>0.98</v>
      </c>
      <c r="E109" s="83">
        <v>74</v>
      </c>
      <c r="F109" s="98">
        <v>0.89400000000000002</v>
      </c>
      <c r="G109" s="94">
        <v>7.5201402680540361E-2</v>
      </c>
      <c r="H109" s="98">
        <v>0.106</v>
      </c>
      <c r="I109" s="94">
        <v>7.5201402680540388E-2</v>
      </c>
    </row>
    <row r="110" spans="1:9" ht="25.5">
      <c r="A110" s="49" t="s">
        <v>442</v>
      </c>
      <c r="B110" s="152">
        <v>112</v>
      </c>
      <c r="C110" s="153">
        <v>12.85</v>
      </c>
      <c r="D110" s="154">
        <v>0.86239999999999994</v>
      </c>
      <c r="E110" s="125">
        <v>112</v>
      </c>
      <c r="F110" s="155">
        <v>0.82299999999999995</v>
      </c>
      <c r="G110" s="97">
        <v>7.2573874357989232E-2</v>
      </c>
      <c r="H110" s="155">
        <v>0.17699999999999999</v>
      </c>
      <c r="I110" s="97">
        <v>7.2573874357989218E-2</v>
      </c>
    </row>
    <row r="111" spans="1:9">
      <c r="A111" s="57" t="s">
        <v>443</v>
      </c>
      <c r="B111" s="151">
        <v>166</v>
      </c>
      <c r="C111" s="84">
        <v>11.94</v>
      </c>
      <c r="D111" s="85">
        <v>0.7056</v>
      </c>
      <c r="E111" s="83">
        <v>166</v>
      </c>
      <c r="F111" s="98">
        <v>0.88900000000000001</v>
      </c>
      <c r="G111" s="94">
        <v>4.9874244656668967E-2</v>
      </c>
      <c r="H111" s="98">
        <v>0.111</v>
      </c>
      <c r="I111" s="94">
        <v>4.9874244656668988E-2</v>
      </c>
    </row>
    <row r="112" spans="1:9">
      <c r="A112" s="49" t="s">
        <v>455</v>
      </c>
      <c r="B112" s="152">
        <v>139</v>
      </c>
      <c r="C112" s="153">
        <v>11.01</v>
      </c>
      <c r="D112" s="154">
        <v>0.74480000000000002</v>
      </c>
      <c r="E112" s="125">
        <v>139</v>
      </c>
      <c r="F112" s="155">
        <v>0.89600000000000002</v>
      </c>
      <c r="G112" s="97">
        <v>5.3371432302983177E-2</v>
      </c>
      <c r="H112" s="155">
        <v>0.104</v>
      </c>
      <c r="I112" s="97">
        <v>5.3371432302983177E-2</v>
      </c>
    </row>
    <row r="113" spans="1:9">
      <c r="A113" s="57" t="s">
        <v>444</v>
      </c>
      <c r="B113" s="151">
        <v>85</v>
      </c>
      <c r="C113" s="84">
        <v>11.05</v>
      </c>
      <c r="D113" s="85">
        <v>0.99960000000000004</v>
      </c>
      <c r="E113" s="83">
        <v>85</v>
      </c>
      <c r="F113" s="98">
        <v>0.86899999999999999</v>
      </c>
      <c r="G113" s="94">
        <v>7.5193578799179858E-2</v>
      </c>
      <c r="H113" s="98">
        <v>0.13100000000000001</v>
      </c>
      <c r="I113" s="94">
        <v>7.5193578799179858E-2</v>
      </c>
    </row>
    <row r="114" spans="1:9">
      <c r="A114" s="49" t="s">
        <v>454</v>
      </c>
      <c r="B114" s="152">
        <v>248</v>
      </c>
      <c r="C114" s="153">
        <v>11.79</v>
      </c>
      <c r="D114" s="154">
        <v>0.50960000000000005</v>
      </c>
      <c r="E114" s="125">
        <v>248</v>
      </c>
      <c r="F114" s="155">
        <v>0.91300000000000003</v>
      </c>
      <c r="G114" s="97">
        <v>3.6688935571058096E-2</v>
      </c>
      <c r="H114" s="155">
        <v>8.6999999999999994E-2</v>
      </c>
      <c r="I114" s="97">
        <v>3.6688935571058102E-2</v>
      </c>
    </row>
    <row r="115" spans="1:9" ht="25.5">
      <c r="A115" s="57" t="s">
        <v>445</v>
      </c>
      <c r="B115" s="151">
        <v>106</v>
      </c>
      <c r="C115" s="84">
        <v>10.69</v>
      </c>
      <c r="D115" s="85">
        <v>0.66639999999999999</v>
      </c>
      <c r="E115" s="83">
        <v>106</v>
      </c>
      <c r="F115" s="98">
        <v>0.97899999999999998</v>
      </c>
      <c r="G115" s="94">
        <v>3.6651789054172025E-2</v>
      </c>
      <c r="H115" s="98">
        <v>2.1000000000000001E-2</v>
      </c>
      <c r="I115" s="94">
        <v>3.6651789054172039E-2</v>
      </c>
    </row>
    <row r="116" spans="1:9">
      <c r="A116" s="49" t="s">
        <v>471</v>
      </c>
      <c r="B116" s="152">
        <v>88</v>
      </c>
      <c r="C116" s="153">
        <v>11.65</v>
      </c>
      <c r="D116" s="154">
        <v>0.84279999999999999</v>
      </c>
      <c r="E116" s="125">
        <v>88</v>
      </c>
      <c r="F116" s="155">
        <v>0.95</v>
      </c>
      <c r="G116" s="97">
        <v>5.3048746213354668E-2</v>
      </c>
      <c r="H116" s="155">
        <v>0.05</v>
      </c>
      <c r="I116" s="97">
        <v>5.3048746213354647E-2</v>
      </c>
    </row>
    <row r="117" spans="1:9" ht="25.5">
      <c r="A117" s="57" t="s">
        <v>442</v>
      </c>
      <c r="B117" s="151">
        <v>112</v>
      </c>
      <c r="C117" s="84">
        <v>12.85</v>
      </c>
      <c r="D117" s="85">
        <v>0.86239999999999994</v>
      </c>
      <c r="E117" s="83">
        <v>112</v>
      </c>
      <c r="F117" s="98">
        <v>0.82299999999999995</v>
      </c>
      <c r="G117" s="94">
        <v>7.2573874357989232E-2</v>
      </c>
      <c r="H117" s="98">
        <v>0.17699999999999999</v>
      </c>
      <c r="I117" s="94">
        <v>7.2573874357989218E-2</v>
      </c>
    </row>
    <row r="119" spans="1:9" ht="18.75">
      <c r="A119" s="367" t="s">
        <v>446</v>
      </c>
      <c r="B119" s="367"/>
      <c r="C119" s="367"/>
      <c r="D119" s="367"/>
    </row>
    <row r="120" spans="1:9" ht="85.5" customHeight="1">
      <c r="A120" s="411" t="s">
        <v>493</v>
      </c>
      <c r="B120" s="411"/>
      <c r="C120" s="411"/>
      <c r="D120" s="411"/>
    </row>
    <row r="121" spans="1:9" ht="36" customHeight="1">
      <c r="A121" s="415" t="s">
        <v>138</v>
      </c>
      <c r="B121" s="410"/>
      <c r="C121" s="410"/>
      <c r="D121" s="410"/>
    </row>
    <row r="122" spans="1:9" ht="72">
      <c r="A122" s="37" t="s">
        <v>85</v>
      </c>
      <c r="B122" s="38" t="s">
        <v>86</v>
      </c>
      <c r="C122" s="39" t="s">
        <v>87</v>
      </c>
      <c r="D122" s="40" t="s">
        <v>88</v>
      </c>
    </row>
    <row r="123" spans="1:9" ht="84">
      <c r="A123" s="41"/>
      <c r="B123" s="42" t="s">
        <v>89</v>
      </c>
      <c r="C123" s="43" t="s">
        <v>139</v>
      </c>
      <c r="D123" s="44" t="s">
        <v>91</v>
      </c>
    </row>
    <row r="124" spans="1:9">
      <c r="A124" s="45" t="s">
        <v>430</v>
      </c>
      <c r="B124" s="156">
        <v>7011</v>
      </c>
      <c r="C124" s="84">
        <v>5.12</v>
      </c>
      <c r="D124" s="85">
        <v>3.9199999999999999E-2</v>
      </c>
    </row>
    <row r="125" spans="1:9">
      <c r="A125" s="49" t="s">
        <v>431</v>
      </c>
      <c r="B125" s="49">
        <v>6498</v>
      </c>
      <c r="C125" s="158">
        <v>5.1043620000000001</v>
      </c>
      <c r="D125" s="159">
        <v>3.7689623999999998E-2</v>
      </c>
    </row>
    <row r="126" spans="1:9">
      <c r="A126" s="45" t="s">
        <v>432</v>
      </c>
      <c r="B126" s="53">
        <v>621</v>
      </c>
      <c r="C126" s="84">
        <v>4.87</v>
      </c>
      <c r="D126" s="85">
        <v>0.1176</v>
      </c>
    </row>
    <row r="127" spans="1:9">
      <c r="A127" s="49" t="s">
        <v>433</v>
      </c>
      <c r="B127" s="49">
        <v>99</v>
      </c>
      <c r="C127" s="158">
        <v>4.9800000000000004</v>
      </c>
      <c r="D127" s="159">
        <v>0.31359999999999999</v>
      </c>
    </row>
    <row r="128" spans="1:9">
      <c r="A128" s="45" t="s">
        <v>434</v>
      </c>
      <c r="B128" s="53">
        <v>1969</v>
      </c>
      <c r="C128" s="84">
        <v>5.2</v>
      </c>
      <c r="D128" s="85">
        <v>5.8799999999999998E-2</v>
      </c>
    </row>
    <row r="129" spans="1:4">
      <c r="A129" s="49" t="s">
        <v>435</v>
      </c>
      <c r="B129" s="49">
        <v>1919</v>
      </c>
      <c r="C129" s="158">
        <v>5.21</v>
      </c>
      <c r="D129" s="159">
        <v>5.8799999999999998E-2</v>
      </c>
    </row>
    <row r="130" spans="1:4">
      <c r="A130" s="45" t="s">
        <v>452</v>
      </c>
      <c r="B130" s="53">
        <v>38</v>
      </c>
      <c r="C130" s="84">
        <v>4.76</v>
      </c>
      <c r="D130" s="85">
        <v>0.45080000000000003</v>
      </c>
    </row>
    <row r="131" spans="1:4">
      <c r="A131" s="49" t="s">
        <v>172</v>
      </c>
      <c r="B131" s="49">
        <v>171</v>
      </c>
      <c r="C131" s="158">
        <v>5.46</v>
      </c>
      <c r="D131" s="159">
        <v>0.21559999999999999</v>
      </c>
    </row>
    <row r="132" spans="1:4" ht="25.5">
      <c r="A132" s="45" t="s">
        <v>436</v>
      </c>
      <c r="B132" s="53">
        <v>69</v>
      </c>
      <c r="C132" s="84">
        <v>5.43</v>
      </c>
      <c r="D132" s="85">
        <v>0.31359999999999999</v>
      </c>
    </row>
    <row r="133" spans="1:4" ht="25.5">
      <c r="A133" s="49" t="s">
        <v>437</v>
      </c>
      <c r="B133" s="49">
        <v>87</v>
      </c>
      <c r="C133" s="158">
        <v>5.25</v>
      </c>
      <c r="D133" s="159">
        <v>0.29399999999999998</v>
      </c>
    </row>
    <row r="134" spans="1:4">
      <c r="A134" s="45" t="s">
        <v>453</v>
      </c>
      <c r="B134" s="156">
        <v>417</v>
      </c>
      <c r="C134" s="84">
        <v>5.25</v>
      </c>
      <c r="D134" s="85">
        <v>0.13720000000000002</v>
      </c>
    </row>
    <row r="135" spans="1:4" ht="25.5">
      <c r="A135" s="49" t="s">
        <v>438</v>
      </c>
      <c r="B135" s="157">
        <v>61</v>
      </c>
      <c r="C135" s="158">
        <v>4.96</v>
      </c>
      <c r="D135" s="159">
        <v>0.37240000000000001</v>
      </c>
    </row>
    <row r="136" spans="1:4" ht="25.5">
      <c r="A136" s="45" t="s">
        <v>439</v>
      </c>
      <c r="B136" s="83">
        <v>65</v>
      </c>
      <c r="C136" s="84">
        <v>5.15</v>
      </c>
      <c r="D136" s="85">
        <v>0.43119999999999997</v>
      </c>
    </row>
    <row r="137" spans="1:4">
      <c r="A137" s="49" t="s">
        <v>440</v>
      </c>
      <c r="B137" s="157">
        <v>58</v>
      </c>
      <c r="C137" s="158">
        <v>5.44</v>
      </c>
      <c r="D137" s="159">
        <v>0.39200000000000002</v>
      </c>
    </row>
    <row r="138" spans="1:4">
      <c r="A138" s="57" t="s">
        <v>441</v>
      </c>
      <c r="B138" s="156">
        <v>58</v>
      </c>
      <c r="C138" s="84">
        <v>5.73</v>
      </c>
      <c r="D138" s="85">
        <v>0.31359999999999999</v>
      </c>
    </row>
    <row r="139" spans="1:4" ht="25.5">
      <c r="A139" s="49" t="s">
        <v>442</v>
      </c>
      <c r="B139" s="157">
        <v>84</v>
      </c>
      <c r="C139" s="158">
        <v>4.67</v>
      </c>
      <c r="D139" s="159">
        <v>0.31359999999999999</v>
      </c>
    </row>
    <row r="140" spans="1:4">
      <c r="A140" s="57" t="s">
        <v>443</v>
      </c>
      <c r="B140" s="156">
        <v>132</v>
      </c>
      <c r="C140" s="84">
        <v>5.08</v>
      </c>
      <c r="D140" s="85">
        <v>0.27440000000000003</v>
      </c>
    </row>
    <row r="141" spans="1:4">
      <c r="A141" s="49" t="s">
        <v>455</v>
      </c>
      <c r="B141" s="157">
        <v>99</v>
      </c>
      <c r="C141" s="158">
        <v>5.01</v>
      </c>
      <c r="D141" s="159">
        <v>0.29399999999999998</v>
      </c>
    </row>
    <row r="142" spans="1:4">
      <c r="A142" s="57" t="s">
        <v>444</v>
      </c>
      <c r="B142" s="156">
        <v>63</v>
      </c>
      <c r="C142" s="84">
        <v>4.96</v>
      </c>
      <c r="D142" s="85">
        <v>0.37240000000000001</v>
      </c>
    </row>
    <row r="143" spans="1:4">
      <c r="A143" s="49" t="s">
        <v>454</v>
      </c>
      <c r="B143" s="157">
        <v>194</v>
      </c>
      <c r="C143" s="158">
        <v>5.07</v>
      </c>
      <c r="D143" s="159">
        <v>0.19600000000000001</v>
      </c>
    </row>
    <row r="144" spans="1:4" ht="25.5">
      <c r="A144" s="57" t="s">
        <v>445</v>
      </c>
      <c r="B144" s="156">
        <v>82</v>
      </c>
      <c r="C144" s="84">
        <v>5.25</v>
      </c>
      <c r="D144" s="85">
        <v>0.29399999999999998</v>
      </c>
    </row>
    <row r="145" spans="1:26">
      <c r="A145" s="49" t="s">
        <v>471</v>
      </c>
      <c r="B145" s="157">
        <v>71</v>
      </c>
      <c r="C145" s="158">
        <v>5.46</v>
      </c>
      <c r="D145" s="159">
        <v>0.31359999999999999</v>
      </c>
    </row>
    <row r="146" spans="1:26" ht="25.5">
      <c r="A146" s="57" t="s">
        <v>442</v>
      </c>
      <c r="B146" s="156">
        <v>84</v>
      </c>
      <c r="C146" s="84">
        <v>4.67</v>
      </c>
      <c r="D146" s="85">
        <v>0.31359999999999999</v>
      </c>
    </row>
    <row r="148" spans="1:26" ht="18.75">
      <c r="A148" s="367" t="s">
        <v>447</v>
      </c>
      <c r="B148" s="367"/>
      <c r="C148" s="367"/>
      <c r="D148" s="367"/>
      <c r="E148" s="367"/>
      <c r="F148" s="367"/>
      <c r="G148" s="367"/>
      <c r="H148" s="367"/>
      <c r="I148" s="367"/>
      <c r="J148" s="367"/>
      <c r="K148" s="367"/>
      <c r="L148" s="367"/>
      <c r="M148" s="367"/>
      <c r="N148" s="367"/>
      <c r="O148" s="367"/>
      <c r="P148" s="367"/>
      <c r="Q148" s="367"/>
      <c r="R148" s="367"/>
      <c r="S148" s="367"/>
      <c r="T148" s="367"/>
      <c r="U148" s="367"/>
      <c r="V148" s="367"/>
    </row>
    <row r="149" spans="1:26" ht="58.5" customHeight="1">
      <c r="A149" s="408" t="s">
        <v>494</v>
      </c>
      <c r="B149" s="408"/>
      <c r="C149" s="408"/>
      <c r="D149" s="408"/>
      <c r="E149" s="408"/>
      <c r="F149" s="408"/>
      <c r="G149" s="408"/>
      <c r="H149" s="408"/>
      <c r="I149" s="408"/>
      <c r="J149" s="408"/>
      <c r="K149" s="408"/>
      <c r="L149" s="408"/>
      <c r="M149" s="408"/>
      <c r="N149" s="408"/>
      <c r="O149" s="408"/>
      <c r="P149" s="408"/>
      <c r="Q149" s="408"/>
      <c r="R149" s="408"/>
      <c r="S149" s="408"/>
      <c r="T149" s="408"/>
      <c r="U149" s="408"/>
      <c r="V149" s="408"/>
    </row>
    <row r="150" spans="1:26" ht="38.25" customHeight="1">
      <c r="A150" s="64" t="s">
        <v>85</v>
      </c>
      <c r="B150" s="398" t="s">
        <v>344</v>
      </c>
      <c r="C150" s="398"/>
      <c r="D150" s="398"/>
      <c r="E150" s="398"/>
      <c r="F150" s="398"/>
      <c r="G150" s="398"/>
      <c r="H150" s="398"/>
      <c r="I150" s="402" t="s">
        <v>239</v>
      </c>
      <c r="J150" s="403"/>
      <c r="K150" s="403"/>
      <c r="L150" s="403"/>
      <c r="M150" s="403"/>
      <c r="N150" s="403"/>
      <c r="O150" s="404"/>
      <c r="P150" s="399" t="s">
        <v>261</v>
      </c>
      <c r="Q150" s="400"/>
      <c r="R150" s="400"/>
      <c r="S150" s="400"/>
      <c r="T150" s="400"/>
      <c r="U150" s="400"/>
      <c r="V150" s="401"/>
    </row>
    <row r="151" spans="1:26" ht="72">
      <c r="A151" s="37" t="s">
        <v>85</v>
      </c>
      <c r="B151" s="38" t="s">
        <v>86</v>
      </c>
      <c r="C151" s="38" t="s">
        <v>179</v>
      </c>
      <c r="D151" s="89" t="s">
        <v>101</v>
      </c>
      <c r="E151" s="38" t="s">
        <v>180</v>
      </c>
      <c r="F151" s="89" t="s">
        <v>102</v>
      </c>
      <c r="G151" s="38" t="s">
        <v>181</v>
      </c>
      <c r="H151" s="89" t="s">
        <v>103</v>
      </c>
      <c r="I151" s="65" t="s">
        <v>86</v>
      </c>
      <c r="J151" s="65" t="s">
        <v>179</v>
      </c>
      <c r="K151" s="88" t="s">
        <v>101</v>
      </c>
      <c r="L151" s="65" t="s">
        <v>180</v>
      </c>
      <c r="M151" s="88" t="s">
        <v>102</v>
      </c>
      <c r="N151" s="65" t="s">
        <v>181</v>
      </c>
      <c r="O151" s="88" t="s">
        <v>103</v>
      </c>
      <c r="P151" s="38" t="s">
        <v>86</v>
      </c>
      <c r="Q151" s="38" t="s">
        <v>179</v>
      </c>
      <c r="R151" s="89" t="s">
        <v>101</v>
      </c>
      <c r="S151" s="38" t="s">
        <v>180</v>
      </c>
      <c r="T151" s="89" t="s">
        <v>102</v>
      </c>
      <c r="U151" s="38" t="s">
        <v>181</v>
      </c>
      <c r="V151" s="89" t="s">
        <v>103</v>
      </c>
      <c r="Z151" s="291"/>
    </row>
    <row r="152" spans="1:26" ht="72">
      <c r="A152" s="41"/>
      <c r="B152" s="42" t="s">
        <v>89</v>
      </c>
      <c r="C152" s="42" t="s">
        <v>182</v>
      </c>
      <c r="D152" s="91" t="s">
        <v>104</v>
      </c>
      <c r="E152" s="42" t="s">
        <v>183</v>
      </c>
      <c r="F152" s="91" t="s">
        <v>104</v>
      </c>
      <c r="G152" s="42" t="s">
        <v>184</v>
      </c>
      <c r="H152" s="91" t="s">
        <v>104</v>
      </c>
      <c r="I152" s="68" t="s">
        <v>89</v>
      </c>
      <c r="J152" s="68" t="s">
        <v>182</v>
      </c>
      <c r="K152" s="90" t="s">
        <v>104</v>
      </c>
      <c r="L152" s="68" t="s">
        <v>183</v>
      </c>
      <c r="M152" s="90" t="s">
        <v>104</v>
      </c>
      <c r="N152" s="68" t="s">
        <v>184</v>
      </c>
      <c r="O152" s="90" t="s">
        <v>104</v>
      </c>
      <c r="P152" s="42" t="s">
        <v>89</v>
      </c>
      <c r="Q152" s="42" t="s">
        <v>182</v>
      </c>
      <c r="R152" s="91" t="s">
        <v>104</v>
      </c>
      <c r="S152" s="42" t="s">
        <v>183</v>
      </c>
      <c r="T152" s="91" t="s">
        <v>104</v>
      </c>
      <c r="U152" s="42" t="s">
        <v>184</v>
      </c>
      <c r="V152" s="91" t="s">
        <v>104</v>
      </c>
    </row>
    <row r="153" spans="1:26">
      <c r="A153" s="45" t="s">
        <v>430</v>
      </c>
      <c r="B153" s="156">
        <v>9276</v>
      </c>
      <c r="C153" s="160">
        <v>0.13600000000000001</v>
      </c>
      <c r="D153" s="94">
        <v>7.1202175744412774E-3</v>
      </c>
      <c r="E153" s="160">
        <v>0.10299999999999999</v>
      </c>
      <c r="F153" s="94">
        <v>6.3152402057032589E-3</v>
      </c>
      <c r="G153" s="160">
        <v>0.753</v>
      </c>
      <c r="H153" s="94">
        <v>8.9550161314121256E-3</v>
      </c>
      <c r="I153" s="156">
        <v>9217</v>
      </c>
      <c r="J153" s="160">
        <v>0.16600000000000001</v>
      </c>
      <c r="K153" s="94">
        <v>7.7522857540576638E-3</v>
      </c>
      <c r="L153" s="160">
        <v>0.09</v>
      </c>
      <c r="M153" s="94">
        <v>5.9658068230432019E-3</v>
      </c>
      <c r="N153" s="160">
        <v>0.54</v>
      </c>
      <c r="O153" s="94">
        <v>1.0380493327592522E-2</v>
      </c>
      <c r="P153" s="156">
        <v>9217</v>
      </c>
      <c r="Q153" s="160">
        <v>0.114</v>
      </c>
      <c r="R153" s="94">
        <v>6.6235061239835148E-3</v>
      </c>
      <c r="S153" s="160">
        <v>8.2000000000000003E-2</v>
      </c>
      <c r="T153" s="94">
        <v>5.7201313275713596E-3</v>
      </c>
      <c r="U153" s="160">
        <v>0.77</v>
      </c>
      <c r="V153" s="94">
        <v>8.7665312126002475E-3</v>
      </c>
    </row>
    <row r="154" spans="1:26">
      <c r="A154" s="49" t="s">
        <v>431</v>
      </c>
      <c r="B154" s="157">
        <v>9197</v>
      </c>
      <c r="C154" s="161">
        <v>0.14000000000000001</v>
      </c>
      <c r="D154" s="97">
        <v>7.23817059315357E-3</v>
      </c>
      <c r="E154" s="161">
        <v>0.11</v>
      </c>
      <c r="F154" s="97">
        <v>6.5282517544928698E-3</v>
      </c>
      <c r="G154" s="161">
        <v>0.75</v>
      </c>
      <c r="H154" s="97">
        <v>9.0297562676581438E-3</v>
      </c>
      <c r="I154" s="157">
        <v>6503</v>
      </c>
      <c r="J154" s="161">
        <v>0.218</v>
      </c>
      <c r="K154" s="97">
        <v>1.0239899133076573E-2</v>
      </c>
      <c r="L154" s="161">
        <v>0.108</v>
      </c>
      <c r="M154" s="97">
        <v>7.7029874474262927E-3</v>
      </c>
      <c r="N154" s="161">
        <v>0.67300000000000004</v>
      </c>
      <c r="O154" s="97">
        <v>1.1632077679393428E-2</v>
      </c>
      <c r="P154" s="157">
        <v>8245</v>
      </c>
      <c r="Q154" s="161">
        <v>0.122</v>
      </c>
      <c r="R154" s="97">
        <v>7.2116921733752729E-3</v>
      </c>
      <c r="S154" s="161">
        <v>8.4000000000000005E-2</v>
      </c>
      <c r="T154" s="97">
        <v>6.1149053679823836E-3</v>
      </c>
      <c r="U154" s="161">
        <v>0.79300000000000004</v>
      </c>
      <c r="V154" s="97">
        <v>8.9240335224626353E-3</v>
      </c>
    </row>
    <row r="155" spans="1:26">
      <c r="A155" s="45" t="s">
        <v>432</v>
      </c>
      <c r="B155" s="156">
        <v>827</v>
      </c>
      <c r="C155" s="160">
        <v>0.15720000000000001</v>
      </c>
      <c r="D155" s="94">
        <v>2.5360621051829763E-2</v>
      </c>
      <c r="E155" s="160">
        <v>0.1061</v>
      </c>
      <c r="F155" s="94">
        <v>2.153360641377321E-2</v>
      </c>
      <c r="G155" s="160">
        <v>0.73660000000000003</v>
      </c>
      <c r="H155" s="94">
        <v>3.0602301708218295E-2</v>
      </c>
      <c r="I155" s="156">
        <v>621</v>
      </c>
      <c r="J155" s="160">
        <v>0.26379999999999998</v>
      </c>
      <c r="K155" s="94">
        <v>3.5319922306195642E-2</v>
      </c>
      <c r="L155" s="160">
        <v>0.1159</v>
      </c>
      <c r="M155" s="94">
        <v>2.5842546874374733E-2</v>
      </c>
      <c r="N155" s="160">
        <v>0.62029999999999996</v>
      </c>
      <c r="O155" s="94">
        <v>3.8840190316748437E-2</v>
      </c>
      <c r="P155" s="156">
        <v>801</v>
      </c>
      <c r="Q155" s="160">
        <v>0.16539999999999999</v>
      </c>
      <c r="R155" s="94">
        <v>2.6295283895361683E-2</v>
      </c>
      <c r="S155" s="160">
        <v>0.1024</v>
      </c>
      <c r="T155" s="94">
        <v>2.1552348566486808E-2</v>
      </c>
      <c r="U155" s="160">
        <v>0.73219999999999996</v>
      </c>
      <c r="V155" s="94">
        <v>3.1256712932594272E-2</v>
      </c>
    </row>
    <row r="156" spans="1:26">
      <c r="A156" s="49" t="s">
        <v>433</v>
      </c>
      <c r="B156" s="157">
        <v>105</v>
      </c>
      <c r="C156" s="161">
        <v>0.188</v>
      </c>
      <c r="D156" s="97">
        <v>7.6546902756952695E-2</v>
      </c>
      <c r="E156" s="161">
        <v>0.123</v>
      </c>
      <c r="F156" s="97">
        <v>6.5835793176412694E-2</v>
      </c>
      <c r="G156" s="161">
        <v>0.68100000000000005</v>
      </c>
      <c r="H156" s="97">
        <v>8.9770218027662899E-2</v>
      </c>
      <c r="I156" s="157">
        <v>104</v>
      </c>
      <c r="J156" s="161">
        <v>0.20200000000000001</v>
      </c>
      <c r="K156" s="97">
        <v>7.8799383783903151E-2</v>
      </c>
      <c r="L156" s="161">
        <v>0.114</v>
      </c>
      <c r="M156" s="97">
        <v>6.4359049740052604E-2</v>
      </c>
      <c r="N156" s="161">
        <v>0.65700000000000003</v>
      </c>
      <c r="O156" s="97">
        <v>9.1720800133101452E-2</v>
      </c>
      <c r="P156" s="157">
        <v>105</v>
      </c>
      <c r="Q156" s="161">
        <v>0.14899999999999999</v>
      </c>
      <c r="R156" s="97">
        <v>7.0561408461882788E-2</v>
      </c>
      <c r="S156" s="161">
        <v>6.7000000000000004E-2</v>
      </c>
      <c r="T156" s="97">
        <v>5.2817557327623145E-2</v>
      </c>
      <c r="U156" s="161">
        <v>0.77500000000000002</v>
      </c>
      <c r="V156" s="97">
        <v>8.123442471719948E-2</v>
      </c>
    </row>
    <row r="157" spans="1:26">
      <c r="A157" s="45" t="s">
        <v>434</v>
      </c>
      <c r="B157" s="156">
        <v>2542</v>
      </c>
      <c r="C157" s="160">
        <v>0.11600000000000001</v>
      </c>
      <c r="D157" s="94">
        <v>1.2721376377867237E-2</v>
      </c>
      <c r="E157" s="160">
        <v>0.10299999999999999</v>
      </c>
      <c r="F157" s="94">
        <v>1.2080240201590015E-2</v>
      </c>
      <c r="G157" s="160">
        <v>0.77</v>
      </c>
      <c r="H157" s="94">
        <v>1.6691314413210499E-2</v>
      </c>
      <c r="I157" s="156">
        <v>2524</v>
      </c>
      <c r="J157" s="160">
        <v>0.153</v>
      </c>
      <c r="K157" s="94">
        <v>1.434055392373757E-2</v>
      </c>
      <c r="L157" s="160">
        <v>8.6999999999999994E-2</v>
      </c>
      <c r="M157" s="94">
        <v>1.1248793766488203E-2</v>
      </c>
      <c r="N157" s="160">
        <v>0.53700000000000003</v>
      </c>
      <c r="O157" s="94">
        <v>1.983457411845576E-2</v>
      </c>
      <c r="P157" s="156">
        <v>2529</v>
      </c>
      <c r="Q157" s="160">
        <v>0.1</v>
      </c>
      <c r="R157" s="94">
        <v>1.1954970828882428E-2</v>
      </c>
      <c r="S157" s="160">
        <v>6.3E-2</v>
      </c>
      <c r="T157" s="94">
        <v>9.7041643829900732E-3</v>
      </c>
      <c r="U157" s="160">
        <v>0.79800000000000004</v>
      </c>
      <c r="V157" s="94">
        <v>1.5968595766255367E-2</v>
      </c>
    </row>
    <row r="158" spans="1:26">
      <c r="A158" s="49" t="s">
        <v>435</v>
      </c>
      <c r="B158" s="157">
        <v>2453</v>
      </c>
      <c r="C158" s="161">
        <v>0.11899999999999999</v>
      </c>
      <c r="D158" s="97">
        <v>1.3093773430697113E-2</v>
      </c>
      <c r="E158" s="161">
        <v>0.106</v>
      </c>
      <c r="F158" s="97">
        <v>1.2453840697741803E-2</v>
      </c>
      <c r="G158" s="161">
        <v>0.77600000000000002</v>
      </c>
      <c r="H158" s="97">
        <v>1.6834168182877345E-2</v>
      </c>
      <c r="I158" s="157">
        <v>1919</v>
      </c>
      <c r="J158" s="161">
        <v>0.19600000000000001</v>
      </c>
      <c r="K158" s="97">
        <v>1.8126961160415601E-2</v>
      </c>
      <c r="L158" s="161">
        <v>0.111</v>
      </c>
      <c r="M158" s="97">
        <v>1.4372495386555086E-2</v>
      </c>
      <c r="N158" s="161">
        <v>0.69299999999999995</v>
      </c>
      <c r="O158" s="97">
        <v>2.1044281415243483E-2</v>
      </c>
      <c r="P158" s="157">
        <v>2376</v>
      </c>
      <c r="Q158" s="161">
        <v>0.10199999999999999</v>
      </c>
      <c r="R158" s="97">
        <v>1.2443350826971518E-2</v>
      </c>
      <c r="S158" s="161">
        <v>6.4000000000000001E-2</v>
      </c>
      <c r="T158" s="97">
        <v>1.0087219736286065E-2</v>
      </c>
      <c r="U158" s="161">
        <v>0.83399999999999996</v>
      </c>
      <c r="V158" s="97">
        <v>1.527444523981647E-2</v>
      </c>
    </row>
    <row r="159" spans="1:26">
      <c r="A159" s="45" t="s">
        <v>452</v>
      </c>
      <c r="B159" s="156">
        <v>49</v>
      </c>
      <c r="C159" s="160">
        <v>0.113</v>
      </c>
      <c r="D159" s="94">
        <v>9.5949892857956715E-2</v>
      </c>
      <c r="E159" s="160">
        <v>8.8999999999999996E-2</v>
      </c>
      <c r="F159" s="94">
        <v>8.9279860716501777E-2</v>
      </c>
      <c r="G159" s="160">
        <v>0.79800000000000004</v>
      </c>
      <c r="H159" s="94">
        <v>0.11462639947427987</v>
      </c>
      <c r="I159" s="156">
        <v>49</v>
      </c>
      <c r="J159" s="160">
        <v>0.20699999999999999</v>
      </c>
      <c r="K159" s="94">
        <v>0.11545491505087636</v>
      </c>
      <c r="L159" s="160">
        <v>0.16</v>
      </c>
      <c r="M159" s="94">
        <v>0.10682046360293833</v>
      </c>
      <c r="N159" s="160">
        <v>0.42899999999999999</v>
      </c>
      <c r="O159" s="94">
        <v>0.13617169856381056</v>
      </c>
      <c r="P159" s="156">
        <v>49</v>
      </c>
      <c r="Q159" s="160">
        <v>0.29899999999999999</v>
      </c>
      <c r="R159" s="94">
        <v>0.12752125711823126</v>
      </c>
      <c r="S159" s="160">
        <v>6.4000000000000001E-2</v>
      </c>
      <c r="T159" s="94">
        <v>8.1270549036494916E-2</v>
      </c>
      <c r="U159" s="160">
        <v>0.61799999999999999</v>
      </c>
      <c r="V159" s="94">
        <v>0.13405108152317183</v>
      </c>
    </row>
    <row r="160" spans="1:26">
      <c r="A160" s="49" t="s">
        <v>172</v>
      </c>
      <c r="B160" s="157">
        <v>237</v>
      </c>
      <c r="C160" s="161">
        <v>8.3000000000000004E-2</v>
      </c>
      <c r="D160" s="97">
        <v>3.6854619956572125E-2</v>
      </c>
      <c r="E160" s="161">
        <v>0.1</v>
      </c>
      <c r="F160" s="97">
        <v>3.9764269485197339E-2</v>
      </c>
      <c r="G160" s="161">
        <v>0.81200000000000006</v>
      </c>
      <c r="H160" s="97">
        <v>5.0861543410002916E-2</v>
      </c>
      <c r="I160" s="157">
        <v>237</v>
      </c>
      <c r="J160" s="161">
        <v>0.111</v>
      </c>
      <c r="K160" s="97">
        <v>4.1478968970142707E-2</v>
      </c>
      <c r="L160" s="161">
        <v>3.2000000000000001E-2</v>
      </c>
      <c r="M160" s="97">
        <v>2.517529252870522E-2</v>
      </c>
      <c r="N160" s="161">
        <v>0.53500000000000003</v>
      </c>
      <c r="O160" s="97">
        <v>6.4262858337228612E-2</v>
      </c>
      <c r="P160" s="157">
        <v>236</v>
      </c>
      <c r="Q160" s="161">
        <v>0.08</v>
      </c>
      <c r="R160" s="97">
        <v>3.6384749552525436E-2</v>
      </c>
      <c r="S160" s="161">
        <v>5.1999999999999998E-2</v>
      </c>
      <c r="T160" s="97">
        <v>3.0531508921719491E-2</v>
      </c>
      <c r="U160" s="161">
        <v>0.81299999999999994</v>
      </c>
      <c r="V160" s="97">
        <v>5.0870656198215465E-2</v>
      </c>
    </row>
    <row r="161" spans="1:22" ht="25.5">
      <c r="A161" s="45" t="s">
        <v>436</v>
      </c>
      <c r="B161" s="156">
        <v>97</v>
      </c>
      <c r="C161" s="160">
        <v>5.6000000000000001E-2</v>
      </c>
      <c r="D161" s="94">
        <v>5.1959439644412478E-2</v>
      </c>
      <c r="E161" s="160">
        <v>0.13900000000000001</v>
      </c>
      <c r="F161" s="94">
        <v>7.1697121581400292E-2</v>
      </c>
      <c r="G161" s="160">
        <v>0.79200000000000004</v>
      </c>
      <c r="H161" s="94">
        <v>8.2379428802628482E-2</v>
      </c>
      <c r="I161" s="156">
        <v>97</v>
      </c>
      <c r="J161" s="160">
        <v>9.8000000000000004E-2</v>
      </c>
      <c r="K161" s="94">
        <v>6.3227655689658865E-2</v>
      </c>
      <c r="L161" s="160">
        <v>3.5000000000000003E-2</v>
      </c>
      <c r="M161" s="94">
        <v>4.4749064684960649E-2</v>
      </c>
      <c r="N161" s="160">
        <v>0.52700000000000002</v>
      </c>
      <c r="O161" s="94">
        <v>9.936981615486315E-2</v>
      </c>
      <c r="P161" s="156">
        <v>97</v>
      </c>
      <c r="Q161" s="160">
        <v>7.2999999999999995E-2</v>
      </c>
      <c r="R161" s="94">
        <v>5.6926884756032338E-2</v>
      </c>
      <c r="S161" s="160">
        <v>7.9000000000000001E-2</v>
      </c>
      <c r="T161" s="94">
        <v>5.8536573401375844E-2</v>
      </c>
      <c r="U161" s="160">
        <v>0.78200000000000003</v>
      </c>
      <c r="V161" s="94">
        <v>8.364237861683417E-2</v>
      </c>
    </row>
    <row r="162" spans="1:22" ht="25.5">
      <c r="A162" s="49" t="s">
        <v>437</v>
      </c>
      <c r="B162" s="157">
        <v>113</v>
      </c>
      <c r="C162" s="161">
        <v>0.12</v>
      </c>
      <c r="D162" s="97">
        <v>6.2785682515843905E-2</v>
      </c>
      <c r="E162" s="161">
        <v>9.2999999999999999E-2</v>
      </c>
      <c r="F162" s="97">
        <v>5.7134961891544177E-2</v>
      </c>
      <c r="G162" s="161">
        <v>0.78700000000000003</v>
      </c>
      <c r="H162" s="97">
        <v>7.6943045581452721E-2</v>
      </c>
      <c r="I162" s="157">
        <v>113</v>
      </c>
      <c r="J162" s="161">
        <v>0.14499999999999999</v>
      </c>
      <c r="K162" s="97">
        <v>6.7290616880509344E-2</v>
      </c>
      <c r="L162" s="161">
        <v>4.4999999999999998E-2</v>
      </c>
      <c r="M162" s="97">
        <v>4.4101119332622479E-2</v>
      </c>
      <c r="N162" s="161">
        <v>0.52200000000000002</v>
      </c>
      <c r="O162" s="97">
        <v>9.2366517837076723E-2</v>
      </c>
      <c r="P162" s="157">
        <v>112</v>
      </c>
      <c r="Q162" s="161">
        <v>0.124</v>
      </c>
      <c r="R162" s="97">
        <v>6.3844089275785804E-2</v>
      </c>
      <c r="S162" s="161">
        <v>3.4000000000000002E-2</v>
      </c>
      <c r="T162" s="97">
        <v>4.049779228093997E-2</v>
      </c>
      <c r="U162" s="161">
        <v>0.78600000000000003</v>
      </c>
      <c r="V162" s="97">
        <v>7.7403520156072741E-2</v>
      </c>
    </row>
    <row r="163" spans="1:22">
      <c r="A163" s="45" t="s">
        <v>453</v>
      </c>
      <c r="B163" s="156">
        <v>534</v>
      </c>
      <c r="C163" s="160">
        <v>0.13400000000000001</v>
      </c>
      <c r="D163" s="94">
        <v>2.9623223320730609E-2</v>
      </c>
      <c r="E163" s="160">
        <v>0.108</v>
      </c>
      <c r="F163" s="94">
        <v>2.7077264121259687E-2</v>
      </c>
      <c r="G163" s="160">
        <v>0.747</v>
      </c>
      <c r="H163" s="94">
        <v>3.7574691370276567E-2</v>
      </c>
      <c r="I163" s="156">
        <v>531</v>
      </c>
      <c r="J163" s="160">
        <v>0.16400000000000001</v>
      </c>
      <c r="K163" s="94">
        <v>3.2212594459305445E-2</v>
      </c>
      <c r="L163" s="160">
        <v>0.105</v>
      </c>
      <c r="M163" s="94">
        <v>2.683272688653467E-2</v>
      </c>
      <c r="N163" s="160">
        <v>0.54400000000000004</v>
      </c>
      <c r="O163" s="94">
        <v>4.3068547086166392E-2</v>
      </c>
      <c r="P163" s="156">
        <v>533</v>
      </c>
      <c r="Q163" s="160">
        <v>0.10100000000000001</v>
      </c>
      <c r="R163" s="94">
        <v>2.6342801915753031E-2</v>
      </c>
      <c r="S163" s="160">
        <v>6.0999999999999999E-2</v>
      </c>
      <c r="T163" s="94">
        <v>2.1165198118232267E-2</v>
      </c>
      <c r="U163" s="160">
        <v>0.79600000000000004</v>
      </c>
      <c r="V163" s="94">
        <v>3.4917770386567688E-2</v>
      </c>
    </row>
    <row r="164" spans="1:22" ht="25.5">
      <c r="A164" s="49" t="s">
        <v>438</v>
      </c>
      <c r="B164" s="157">
        <v>78</v>
      </c>
      <c r="C164" s="161">
        <v>0.13600000000000001</v>
      </c>
      <c r="D164" s="97">
        <v>7.9668569566489045E-2</v>
      </c>
      <c r="E164" s="161">
        <v>5.8000000000000003E-2</v>
      </c>
      <c r="F164" s="97">
        <v>5.9768262550302952E-2</v>
      </c>
      <c r="G164" s="161">
        <v>0.78800000000000003</v>
      </c>
      <c r="H164" s="97">
        <v>9.2380636057716903E-2</v>
      </c>
      <c r="I164" s="157">
        <v>76</v>
      </c>
      <c r="J164" s="161">
        <v>0.16700000000000001</v>
      </c>
      <c r="K164" s="97">
        <v>8.658021641807094E-2</v>
      </c>
      <c r="L164" s="161">
        <v>0.13700000000000001</v>
      </c>
      <c r="M164" s="97">
        <v>8.0956308432388394E-2</v>
      </c>
      <c r="N164" s="161">
        <v>0.45200000000000001</v>
      </c>
      <c r="O164" s="97">
        <v>0.11133746898506361</v>
      </c>
      <c r="P164" s="157">
        <v>78</v>
      </c>
      <c r="Q164" s="161">
        <v>9.0999999999999998E-2</v>
      </c>
      <c r="R164" s="97">
        <v>6.936683905889067E-2</v>
      </c>
      <c r="S164" s="161">
        <v>0.114</v>
      </c>
      <c r="T164" s="97">
        <v>7.4958737845503359E-2</v>
      </c>
      <c r="U164" s="161">
        <v>0.76</v>
      </c>
      <c r="V164" s="97">
        <v>9.5976182339685884E-2</v>
      </c>
    </row>
    <row r="165" spans="1:22" ht="25.5">
      <c r="A165" s="45" t="s">
        <v>439</v>
      </c>
      <c r="B165" s="156">
        <v>78</v>
      </c>
      <c r="C165" s="160">
        <v>7.9000000000000001E-2</v>
      </c>
      <c r="D165" s="94">
        <v>6.6122227375892725E-2</v>
      </c>
      <c r="E165" s="160">
        <v>0.14399999999999999</v>
      </c>
      <c r="F165" s="94">
        <v>8.124846413005056E-2</v>
      </c>
      <c r="G165" s="160">
        <v>0.77700000000000002</v>
      </c>
      <c r="H165" s="94">
        <v>9.3853590359886246E-2</v>
      </c>
      <c r="I165" s="156">
        <v>78</v>
      </c>
      <c r="J165" s="160">
        <v>0.251</v>
      </c>
      <c r="K165" s="94">
        <v>9.725509440235737E-2</v>
      </c>
      <c r="L165" s="160">
        <v>8.6999999999999994E-2</v>
      </c>
      <c r="M165" s="94">
        <v>6.8312768143555136E-2</v>
      </c>
      <c r="N165" s="160">
        <v>0.51800000000000002</v>
      </c>
      <c r="O165" s="94">
        <v>0.11036675860156636</v>
      </c>
      <c r="P165" s="156">
        <v>78</v>
      </c>
      <c r="Q165" s="160">
        <v>0.10299999999999999</v>
      </c>
      <c r="R165" s="94">
        <v>7.2378561546626086E-2</v>
      </c>
      <c r="S165" s="160">
        <v>3.5999999999999997E-2</v>
      </c>
      <c r="T165" s="94">
        <v>5.1889273868954637E-2</v>
      </c>
      <c r="U165" s="160">
        <v>0.82799999999999996</v>
      </c>
      <c r="V165" s="94">
        <v>8.6293882438684272E-2</v>
      </c>
    </row>
    <row r="166" spans="1:22">
      <c r="A166" s="49" t="s">
        <v>440</v>
      </c>
      <c r="B166" s="157">
        <v>79</v>
      </c>
      <c r="C166" s="161">
        <v>0.11</v>
      </c>
      <c r="D166" s="97">
        <v>7.3536150324856983E-2</v>
      </c>
      <c r="E166" s="161">
        <v>0.14299999999999999</v>
      </c>
      <c r="F166" s="97">
        <v>8.0522161929540287E-2</v>
      </c>
      <c r="G166" s="161">
        <v>0.747</v>
      </c>
      <c r="H166" s="97">
        <v>9.6873955992510918E-2</v>
      </c>
      <c r="I166" s="157">
        <v>78</v>
      </c>
      <c r="J166" s="161">
        <v>0.11899999999999999</v>
      </c>
      <c r="K166" s="97">
        <v>7.6079429916490693E-2</v>
      </c>
      <c r="L166" s="161">
        <v>0.1</v>
      </c>
      <c r="M166" s="97">
        <v>7.164581935587605E-2</v>
      </c>
      <c r="N166" s="161">
        <v>0.58499999999999996</v>
      </c>
      <c r="O166" s="97">
        <v>0.10897811055688543</v>
      </c>
      <c r="P166" s="157">
        <v>79</v>
      </c>
      <c r="Q166" s="161">
        <v>4.2999999999999997E-2</v>
      </c>
      <c r="R166" s="97">
        <v>5.4128790314891914E-2</v>
      </c>
      <c r="S166" s="161">
        <v>8.2000000000000003E-2</v>
      </c>
      <c r="T166" s="97">
        <v>6.648165375498799E-2</v>
      </c>
      <c r="U166" s="161">
        <v>0.83099999999999996</v>
      </c>
      <c r="V166" s="97">
        <v>8.5233806357012804E-2</v>
      </c>
    </row>
    <row r="167" spans="1:22">
      <c r="A167" s="57" t="s">
        <v>441</v>
      </c>
      <c r="B167" s="156">
        <v>74</v>
      </c>
      <c r="C167" s="160">
        <v>9.0999999999999998E-2</v>
      </c>
      <c r="D167" s="94">
        <v>7.1409294053810732E-2</v>
      </c>
      <c r="E167" s="160">
        <v>4.3999999999999997E-2</v>
      </c>
      <c r="F167" s="94">
        <v>5.6769407161253199E-2</v>
      </c>
      <c r="G167" s="160">
        <v>0.85499999999999998</v>
      </c>
      <c r="H167" s="94">
        <v>8.3687212003732914E-2</v>
      </c>
      <c r="I167" s="156">
        <v>74</v>
      </c>
      <c r="J167" s="160">
        <v>6.5000000000000002E-2</v>
      </c>
      <c r="K167" s="94">
        <v>6.3925059959699382E-2</v>
      </c>
      <c r="L167" s="160">
        <v>7.4999999999999997E-2</v>
      </c>
      <c r="M167" s="94">
        <v>6.6957937270669246E-2</v>
      </c>
      <c r="N167" s="160">
        <v>0.68200000000000005</v>
      </c>
      <c r="O167" s="94">
        <v>0.10626194586775238</v>
      </c>
      <c r="P167" s="156">
        <v>74</v>
      </c>
      <c r="Q167" s="160">
        <v>0.11799999999999999</v>
      </c>
      <c r="R167" s="94">
        <v>7.8006839295371777E-2</v>
      </c>
      <c r="S167" s="160">
        <v>2.5999999999999999E-2</v>
      </c>
      <c r="T167" s="94">
        <v>4.9498421835690296E-2</v>
      </c>
      <c r="U167" s="160">
        <v>0.79300000000000004</v>
      </c>
      <c r="V167" s="94">
        <v>9.4116745765440851E-2</v>
      </c>
    </row>
    <row r="168" spans="1:22" ht="25.5">
      <c r="A168" s="49" t="s">
        <v>442</v>
      </c>
      <c r="B168" s="157">
        <v>112</v>
      </c>
      <c r="C168" s="161">
        <v>0.217</v>
      </c>
      <c r="D168" s="97">
        <v>7.7757170338525639E-2</v>
      </c>
      <c r="E168" s="161">
        <v>8.6999999999999994E-2</v>
      </c>
      <c r="F168" s="97">
        <v>5.6014641689867709E-2</v>
      </c>
      <c r="G168" s="161">
        <v>0.65700000000000003</v>
      </c>
      <c r="H168" s="97">
        <v>8.8477860444979309E-2</v>
      </c>
      <c r="I168" s="157">
        <v>111</v>
      </c>
      <c r="J168" s="161">
        <v>0.30599999999999999</v>
      </c>
      <c r="K168" s="97">
        <v>8.6464191807152035E-2</v>
      </c>
      <c r="L168" s="161">
        <v>7.4999999999999997E-2</v>
      </c>
      <c r="M168" s="97">
        <v>5.3315041313980981E-2</v>
      </c>
      <c r="N168" s="161">
        <v>0.38700000000000001</v>
      </c>
      <c r="O168" s="97">
        <v>9.1004792982861835E-2</v>
      </c>
      <c r="P168" s="157">
        <v>111</v>
      </c>
      <c r="Q168" s="161">
        <v>0.16700000000000001</v>
      </c>
      <c r="R168" s="97">
        <v>7.1430321309190428E-2</v>
      </c>
      <c r="S168" s="161">
        <v>9.5000000000000001E-2</v>
      </c>
      <c r="T168" s="97">
        <v>5.8141354716740597E-2</v>
      </c>
      <c r="U168" s="161">
        <v>0.69899999999999995</v>
      </c>
      <c r="V168" s="97">
        <v>8.60951832619897E-2</v>
      </c>
    </row>
    <row r="169" spans="1:22">
      <c r="A169" s="57" t="s">
        <v>443</v>
      </c>
      <c r="B169" s="156">
        <v>167</v>
      </c>
      <c r="C169" s="160">
        <v>0.189</v>
      </c>
      <c r="D169" s="94">
        <v>6.0746050927693404E-2</v>
      </c>
      <c r="E169" s="160">
        <v>0.111</v>
      </c>
      <c r="F169" s="94">
        <v>4.9718634221212796E-2</v>
      </c>
      <c r="G169" s="160">
        <v>0.68700000000000006</v>
      </c>
      <c r="H169" s="94">
        <v>7.1188382385328874E-2</v>
      </c>
      <c r="I169" s="156">
        <v>167</v>
      </c>
      <c r="J169" s="160">
        <v>0.19700000000000001</v>
      </c>
      <c r="K169" s="94">
        <v>6.164146894012789E-2</v>
      </c>
      <c r="L169" s="160">
        <v>0.113</v>
      </c>
      <c r="M169" s="94">
        <v>5.006563801676512E-2</v>
      </c>
      <c r="N169" s="160">
        <v>0.52</v>
      </c>
      <c r="O169" s="94">
        <v>7.6413540115423478E-2</v>
      </c>
      <c r="P169" s="156">
        <v>166</v>
      </c>
      <c r="Q169" s="160">
        <v>0.128</v>
      </c>
      <c r="R169" s="94">
        <v>5.2703738957900127E-2</v>
      </c>
      <c r="S169" s="160">
        <v>4.4999999999999998E-2</v>
      </c>
      <c r="T169" s="94">
        <v>3.518112362323645E-2</v>
      </c>
      <c r="U169" s="160">
        <v>0.78800000000000003</v>
      </c>
      <c r="V169" s="94">
        <v>6.3415219272791631E-2</v>
      </c>
    </row>
    <row r="170" spans="1:22">
      <c r="A170" s="49" t="s">
        <v>455</v>
      </c>
      <c r="B170" s="157">
        <v>140</v>
      </c>
      <c r="C170" s="161">
        <v>0.14000000000000001</v>
      </c>
      <c r="D170" s="97">
        <v>5.9511903571190419E-2</v>
      </c>
      <c r="E170" s="161">
        <v>0.11799999999999999</v>
      </c>
      <c r="F170" s="97">
        <v>5.579483578499312E-2</v>
      </c>
      <c r="G170" s="161">
        <v>0.73299999999999998</v>
      </c>
      <c r="H170" s="97">
        <v>7.4290190375135914E-2</v>
      </c>
      <c r="I170" s="157">
        <v>138</v>
      </c>
      <c r="J170" s="161">
        <v>0.17599999999999999</v>
      </c>
      <c r="K170" s="97">
        <v>6.5187669076482907E-2</v>
      </c>
      <c r="L170" s="161">
        <v>7.0000000000000007E-2</v>
      </c>
      <c r="M170" s="97">
        <v>4.6077150393356248E-2</v>
      </c>
      <c r="N170" s="161">
        <v>0.49299999999999999</v>
      </c>
      <c r="O170" s="97">
        <v>8.3910368289866366E-2</v>
      </c>
      <c r="P170" s="157">
        <v>139</v>
      </c>
      <c r="Q170" s="161">
        <v>8.8999999999999996E-2</v>
      </c>
      <c r="R170" s="97">
        <v>5.0285049365509919E-2</v>
      </c>
      <c r="S170" s="161">
        <v>4.7E-2</v>
      </c>
      <c r="T170" s="97">
        <v>3.9617281390589808E-2</v>
      </c>
      <c r="U170" s="161">
        <v>0.83099999999999996</v>
      </c>
      <c r="V170" s="97">
        <v>6.4011048527008257E-2</v>
      </c>
    </row>
    <row r="171" spans="1:22">
      <c r="A171" s="57" t="s">
        <v>444</v>
      </c>
      <c r="B171" s="156">
        <v>86</v>
      </c>
      <c r="C171" s="160">
        <v>0.161</v>
      </c>
      <c r="D171" s="94">
        <v>8.0295895994628802E-2</v>
      </c>
      <c r="E171" s="160">
        <v>9.4E-2</v>
      </c>
      <c r="F171" s="94">
        <v>6.6496612081980128E-2</v>
      </c>
      <c r="G171" s="160">
        <v>0.73199999999999998</v>
      </c>
      <c r="H171" s="94">
        <v>9.4481988064324229E-2</v>
      </c>
      <c r="I171" s="156">
        <v>85</v>
      </c>
      <c r="J171" s="160">
        <v>0.193</v>
      </c>
      <c r="K171" s="94">
        <v>8.5861776100616571E-2</v>
      </c>
      <c r="L171" s="160">
        <v>6.2E-2</v>
      </c>
      <c r="M171" s="94">
        <v>5.8063463840073777E-2</v>
      </c>
      <c r="N171" s="160">
        <v>0.52</v>
      </c>
      <c r="O171" s="94">
        <v>0.10592241109424148</v>
      </c>
      <c r="P171" s="156">
        <v>85</v>
      </c>
      <c r="Q171" s="160">
        <v>0.125</v>
      </c>
      <c r="R171" s="94">
        <v>7.3966708088013491E-2</v>
      </c>
      <c r="S171" s="160">
        <v>0.04</v>
      </c>
      <c r="T171" s="94">
        <v>5.0611010010989027E-2</v>
      </c>
      <c r="U171" s="160">
        <v>0.81100000000000005</v>
      </c>
      <c r="V171" s="94">
        <v>8.5269605786760294E-2</v>
      </c>
    </row>
    <row r="172" spans="1:22">
      <c r="A172" s="49" t="s">
        <v>454</v>
      </c>
      <c r="B172" s="157">
        <v>249</v>
      </c>
      <c r="C172" s="161">
        <v>0.13600000000000001</v>
      </c>
      <c r="D172" s="97">
        <v>4.385756274809622E-2</v>
      </c>
      <c r="E172" s="161">
        <v>0.06</v>
      </c>
      <c r="F172" s="97">
        <v>3.1428027051651403E-2</v>
      </c>
      <c r="G172" s="161">
        <v>0.78600000000000003</v>
      </c>
      <c r="H172" s="97">
        <v>5.1960761823649122E-2</v>
      </c>
      <c r="I172" s="157">
        <v>248</v>
      </c>
      <c r="J172" s="161">
        <v>0.157</v>
      </c>
      <c r="K172" s="97">
        <v>4.6471743746950428E-2</v>
      </c>
      <c r="L172" s="161">
        <v>0.11899999999999999</v>
      </c>
      <c r="M172" s="97">
        <v>4.1673468400673278E-2</v>
      </c>
      <c r="N172" s="161">
        <v>0.496</v>
      </c>
      <c r="O172" s="97">
        <v>6.2992126480190216E-2</v>
      </c>
      <c r="P172" s="157">
        <v>248</v>
      </c>
      <c r="Q172" s="161">
        <v>8.1000000000000003E-2</v>
      </c>
      <c r="R172" s="97">
        <v>3.5627733985469236E-2</v>
      </c>
      <c r="S172" s="161">
        <v>4.9000000000000002E-2</v>
      </c>
      <c r="T172" s="97">
        <v>2.9006000251094489E-2</v>
      </c>
      <c r="U172" s="161">
        <v>0.84499999999999997</v>
      </c>
      <c r="V172" s="97">
        <v>4.6243589477042851E-2</v>
      </c>
    </row>
    <row r="173" spans="1:22" ht="25.5">
      <c r="A173" s="57" t="s">
        <v>445</v>
      </c>
      <c r="B173" s="156">
        <v>107</v>
      </c>
      <c r="C173" s="160">
        <v>5.8999999999999997E-2</v>
      </c>
      <c r="D173" s="94">
        <v>4.9966870617501435E-2</v>
      </c>
      <c r="E173" s="160">
        <v>0.11</v>
      </c>
      <c r="F173" s="94">
        <v>6.2576697653793936E-2</v>
      </c>
      <c r="G173" s="160">
        <v>0.83099999999999996</v>
      </c>
      <c r="H173" s="94">
        <v>7.3077279303496515E-2</v>
      </c>
      <c r="I173" s="156">
        <v>107</v>
      </c>
      <c r="J173" s="160">
        <v>9.4E-2</v>
      </c>
      <c r="K173" s="94">
        <v>5.9070889377688125E-2</v>
      </c>
      <c r="L173" s="160">
        <v>0.107</v>
      </c>
      <c r="M173" s="94">
        <v>6.1945018522270211E-2</v>
      </c>
      <c r="N173" s="160">
        <v>0.54600000000000004</v>
      </c>
      <c r="O173" s="94">
        <v>9.4541807649923426E-2</v>
      </c>
      <c r="P173" s="156">
        <v>107</v>
      </c>
      <c r="Q173" s="160">
        <v>3.7999999999999999E-2</v>
      </c>
      <c r="R173" s="94">
        <v>4.3147421227014815E-2</v>
      </c>
      <c r="S173" s="160">
        <v>3.2000000000000001E-2</v>
      </c>
      <c r="T173" s="94">
        <v>4.0924932309806976E-2</v>
      </c>
      <c r="U173" s="160">
        <v>0.93</v>
      </c>
      <c r="V173" s="94">
        <v>5.3080260746515014E-2</v>
      </c>
    </row>
    <row r="174" spans="1:22">
      <c r="A174" s="49" t="s">
        <v>471</v>
      </c>
      <c r="B174" s="157">
        <v>88</v>
      </c>
      <c r="C174" s="161">
        <v>8.2000000000000003E-2</v>
      </c>
      <c r="D174" s="97">
        <v>6.2602646210577872E-2</v>
      </c>
      <c r="E174" s="161">
        <v>3.5000000000000003E-2</v>
      </c>
      <c r="F174" s="97">
        <v>4.7625546214779546E-2</v>
      </c>
      <c r="G174" s="161">
        <v>0.86799999999999999</v>
      </c>
      <c r="H174" s="97">
        <v>7.4043465495671507E-2</v>
      </c>
      <c r="I174" s="157">
        <v>88</v>
      </c>
      <c r="J174" s="161">
        <v>4.7E-2</v>
      </c>
      <c r="K174" s="97">
        <v>5.2023131207690539E-2</v>
      </c>
      <c r="L174" s="161">
        <v>0.17899999999999999</v>
      </c>
      <c r="M174" s="97">
        <v>8.2283788476083322E-2</v>
      </c>
      <c r="N174" s="161">
        <v>0.56000000000000005</v>
      </c>
      <c r="O174" s="97">
        <v>0.10356813304278308</v>
      </c>
      <c r="P174" s="157">
        <v>88</v>
      </c>
      <c r="Q174" s="161">
        <v>0.03</v>
      </c>
      <c r="R174" s="97">
        <v>4.5631375224352157E-2</v>
      </c>
      <c r="S174" s="161">
        <v>0.05</v>
      </c>
      <c r="T174" s="97">
        <v>5.3048746213354647E-2</v>
      </c>
      <c r="U174" s="161">
        <v>0.89200000000000002</v>
      </c>
      <c r="V174" s="97">
        <v>6.8969938884961668E-2</v>
      </c>
    </row>
    <row r="175" spans="1:22" ht="25.5">
      <c r="A175" s="57" t="s">
        <v>442</v>
      </c>
      <c r="B175" s="156">
        <v>112</v>
      </c>
      <c r="C175" s="160">
        <v>0.217</v>
      </c>
      <c r="D175" s="94">
        <v>7.7757170338525639E-2</v>
      </c>
      <c r="E175" s="160">
        <v>8.6999999999999994E-2</v>
      </c>
      <c r="F175" s="94">
        <v>5.6014641689867709E-2</v>
      </c>
      <c r="G175" s="160">
        <v>0.65700000000000003</v>
      </c>
      <c r="H175" s="94">
        <v>8.8477860444979309E-2</v>
      </c>
      <c r="I175" s="156">
        <v>111</v>
      </c>
      <c r="J175" s="160">
        <v>0.30599999999999999</v>
      </c>
      <c r="K175" s="94">
        <v>8.6464191807152035E-2</v>
      </c>
      <c r="L175" s="160">
        <v>7.4999999999999997E-2</v>
      </c>
      <c r="M175" s="94">
        <v>5.3315041313980981E-2</v>
      </c>
      <c r="N175" s="160">
        <v>0.38700000000000001</v>
      </c>
      <c r="O175" s="94">
        <v>9.1004792982861835E-2</v>
      </c>
      <c r="P175" s="156">
        <v>111</v>
      </c>
      <c r="Q175" s="160">
        <v>0.16700000000000001</v>
      </c>
      <c r="R175" s="94">
        <v>7.1430321309190428E-2</v>
      </c>
      <c r="S175" s="160">
        <v>9.5000000000000001E-2</v>
      </c>
      <c r="T175" s="94">
        <v>5.8141354716740597E-2</v>
      </c>
      <c r="U175" s="160">
        <v>0.69899999999999995</v>
      </c>
      <c r="V175" s="94">
        <v>8.60951832619897E-2</v>
      </c>
    </row>
    <row r="177" spans="1:10" ht="18.75">
      <c r="A177" s="367" t="s">
        <v>4</v>
      </c>
      <c r="B177" s="367"/>
      <c r="C177" s="367"/>
      <c r="D177" s="367"/>
      <c r="E177" s="367"/>
      <c r="F177" s="367"/>
      <c r="G177" s="367"/>
      <c r="H177" s="367"/>
      <c r="I177" s="367"/>
      <c r="J177" s="367"/>
    </row>
    <row r="178" spans="1:10" ht="38.25" customHeight="1">
      <c r="A178" s="407" t="s">
        <v>495</v>
      </c>
      <c r="B178" s="407"/>
      <c r="C178" s="407"/>
      <c r="D178" s="407"/>
      <c r="E178" s="407"/>
      <c r="F178" s="407"/>
      <c r="G178" s="407"/>
      <c r="H178" s="407"/>
      <c r="I178" s="407"/>
      <c r="J178" s="407"/>
    </row>
    <row r="179" spans="1:10" ht="40.5" customHeight="1">
      <c r="A179" s="405" t="s">
        <v>140</v>
      </c>
      <c r="B179" s="406"/>
      <c r="C179" s="406"/>
      <c r="D179" s="406"/>
      <c r="E179" s="406"/>
      <c r="F179" s="406"/>
      <c r="G179" s="406"/>
      <c r="H179" s="406"/>
      <c r="I179" s="406"/>
      <c r="J179" s="406"/>
    </row>
    <row r="180" spans="1:10" ht="72">
      <c r="A180" s="37" t="s">
        <v>85</v>
      </c>
      <c r="B180" s="38" t="s">
        <v>86</v>
      </c>
      <c r="C180" s="38" t="s">
        <v>179</v>
      </c>
      <c r="D180" s="89" t="s">
        <v>101</v>
      </c>
      <c r="E180" s="38" t="s">
        <v>180</v>
      </c>
      <c r="F180" s="89" t="s">
        <v>102</v>
      </c>
      <c r="G180" s="38" t="s">
        <v>181</v>
      </c>
      <c r="H180" s="89" t="s">
        <v>103</v>
      </c>
      <c r="I180" s="38" t="s">
        <v>356</v>
      </c>
      <c r="J180" s="89" t="s">
        <v>355</v>
      </c>
    </row>
    <row r="181" spans="1:10" ht="72">
      <c r="A181" s="41"/>
      <c r="B181" s="42" t="s">
        <v>89</v>
      </c>
      <c r="C181" s="42" t="s">
        <v>182</v>
      </c>
      <c r="D181" s="91" t="s">
        <v>104</v>
      </c>
      <c r="E181" s="42" t="s">
        <v>183</v>
      </c>
      <c r="F181" s="91" t="s">
        <v>104</v>
      </c>
      <c r="G181" s="42" t="s">
        <v>184</v>
      </c>
      <c r="H181" s="91" t="s">
        <v>104</v>
      </c>
      <c r="I181" s="42" t="s">
        <v>356</v>
      </c>
      <c r="J181" s="91" t="s">
        <v>104</v>
      </c>
    </row>
    <row r="182" spans="1:10">
      <c r="A182" s="45" t="s">
        <v>430</v>
      </c>
      <c r="B182" s="162">
        <v>9113</v>
      </c>
      <c r="C182" s="165">
        <v>0.121</v>
      </c>
      <c r="D182" s="94">
        <v>6.8351534005307987E-3</v>
      </c>
      <c r="E182" s="165">
        <v>0.16200000000000001</v>
      </c>
      <c r="F182" s="94">
        <v>7.7204708880824402E-3</v>
      </c>
      <c r="G182" s="165">
        <v>0.68</v>
      </c>
      <c r="H182" s="94">
        <v>9.7715132880957269E-3</v>
      </c>
      <c r="I182" s="165">
        <v>3.6999999999999998E-2</v>
      </c>
      <c r="J182" s="94">
        <v>3.9642508892939075E-3</v>
      </c>
    </row>
    <row r="183" spans="1:10">
      <c r="A183" s="49" t="s">
        <v>431</v>
      </c>
      <c r="B183" s="49">
        <v>8765</v>
      </c>
      <c r="C183" s="164">
        <v>0.123</v>
      </c>
      <c r="D183" s="97">
        <v>7.0188848230340883E-3</v>
      </c>
      <c r="E183" s="164">
        <v>0.16700000000000001</v>
      </c>
      <c r="F183" s="97">
        <v>7.9688108376723028E-3</v>
      </c>
      <c r="G183" s="164">
        <v>0.67400000000000004</v>
      </c>
      <c r="H183" s="97">
        <v>1.0012003621009709E-2</v>
      </c>
      <c r="I183" s="164">
        <v>3.6999999999999998E-2</v>
      </c>
      <c r="J183" s="97">
        <v>4.0425677306913498E-3</v>
      </c>
    </row>
    <row r="184" spans="1:10">
      <c r="A184" s="45" t="s">
        <v>432</v>
      </c>
      <c r="B184" s="53">
        <v>841</v>
      </c>
      <c r="C184" s="165">
        <v>0.14069999999999999</v>
      </c>
      <c r="D184" s="94">
        <v>2.4043632179673178E-2</v>
      </c>
      <c r="E184" s="165">
        <v>0.19089999999999999</v>
      </c>
      <c r="F184" s="94">
        <v>2.7118813432807469E-2</v>
      </c>
      <c r="G184" s="165">
        <v>0.57730000000000004</v>
      </c>
      <c r="H184" s="94">
        <v>3.399137704072034E-2</v>
      </c>
      <c r="I184" s="165">
        <v>9.11E-2</v>
      </c>
      <c r="J184" s="94">
        <v>1.9985793116332456E-2</v>
      </c>
    </row>
    <row r="185" spans="1:10">
      <c r="A185" s="49" t="s">
        <v>433</v>
      </c>
      <c r="B185" s="49">
        <v>93</v>
      </c>
      <c r="C185" s="164">
        <v>0.13300000000000001</v>
      </c>
      <c r="D185" s="97">
        <v>7.2136849486033341E-2</v>
      </c>
      <c r="E185" s="164">
        <v>0.215</v>
      </c>
      <c r="F185" s="97">
        <v>8.5031430453021875E-2</v>
      </c>
      <c r="G185" s="164">
        <v>0.51900000000000002</v>
      </c>
      <c r="H185" s="97">
        <v>0.10146720750360354</v>
      </c>
      <c r="I185" s="164">
        <v>0.13300000000000001</v>
      </c>
      <c r="J185" s="97">
        <v>7.2136849486033341E-2</v>
      </c>
    </row>
    <row r="186" spans="1:10">
      <c r="A186" s="45" t="s">
        <v>434</v>
      </c>
      <c r="B186" s="53">
        <v>2497</v>
      </c>
      <c r="C186" s="165">
        <v>0.127</v>
      </c>
      <c r="D186" s="94">
        <v>1.3342933436538633E-2</v>
      </c>
      <c r="E186" s="165">
        <v>0.14000000000000001</v>
      </c>
      <c r="F186" s="94">
        <v>1.3900556322741611E-2</v>
      </c>
      <c r="G186" s="165">
        <v>0.7</v>
      </c>
      <c r="H186" s="94">
        <v>1.8332215533132024E-2</v>
      </c>
      <c r="I186" s="165">
        <v>3.2000000000000001E-2</v>
      </c>
      <c r="J186" s="94">
        <v>7.1176817529129436E-3</v>
      </c>
    </row>
    <row r="187" spans="1:10">
      <c r="A187" s="49" t="s">
        <v>435</v>
      </c>
      <c r="B187" s="49">
        <v>2491</v>
      </c>
      <c r="C187" s="164">
        <v>0.126</v>
      </c>
      <c r="D187" s="97">
        <v>1.3314276736644887E-2</v>
      </c>
      <c r="E187" s="164">
        <v>0.13800000000000001</v>
      </c>
      <c r="F187" s="97">
        <v>1.3834164925588716E-2</v>
      </c>
      <c r="G187" s="164">
        <v>0.70299999999999996</v>
      </c>
      <c r="H187" s="97">
        <v>1.8301550123155392E-2</v>
      </c>
      <c r="I187" s="164">
        <v>3.3000000000000002E-2</v>
      </c>
      <c r="J187" s="97">
        <v>7.2304990660257201E-3</v>
      </c>
    </row>
    <row r="188" spans="1:10">
      <c r="A188" s="45" t="s">
        <v>452</v>
      </c>
      <c r="B188" s="53">
        <v>47</v>
      </c>
      <c r="C188" s="165">
        <v>0.32</v>
      </c>
      <c r="D188" s="94">
        <v>0.13209712558143857</v>
      </c>
      <c r="E188" s="165">
        <v>0.17100000000000001</v>
      </c>
      <c r="F188" s="94">
        <v>0.11134547474849442</v>
      </c>
      <c r="G188" s="165">
        <v>0.45100000000000001</v>
      </c>
      <c r="H188" s="94">
        <v>0.13945576507097512</v>
      </c>
      <c r="I188" s="165">
        <v>5.8000000000000003E-2</v>
      </c>
      <c r="J188" s="94">
        <v>8.1206372567266955E-2</v>
      </c>
    </row>
    <row r="189" spans="1:10">
      <c r="A189" s="49" t="s">
        <v>172</v>
      </c>
      <c r="B189" s="49">
        <v>233</v>
      </c>
      <c r="C189" s="164">
        <v>6.7000000000000004E-2</v>
      </c>
      <c r="D189" s="97">
        <v>3.4072728247336995E-2</v>
      </c>
      <c r="E189" s="164">
        <v>9.7000000000000003E-2</v>
      </c>
      <c r="F189" s="97">
        <v>3.9624162040386803E-2</v>
      </c>
      <c r="G189" s="164">
        <v>0.80700000000000005</v>
      </c>
      <c r="H189" s="97">
        <v>5.178754938575373E-2</v>
      </c>
      <c r="I189" s="164">
        <v>2.9000000000000001E-2</v>
      </c>
      <c r="J189" s="97">
        <v>2.4506646428309523E-2</v>
      </c>
    </row>
    <row r="190" spans="1:10" ht="25.5">
      <c r="A190" s="45" t="s">
        <v>436</v>
      </c>
      <c r="B190" s="53">
        <v>93</v>
      </c>
      <c r="C190" s="165">
        <v>8.4000000000000005E-2</v>
      </c>
      <c r="D190" s="94">
        <v>6.1232151836255043E-2</v>
      </c>
      <c r="E190" s="165">
        <v>0.13100000000000001</v>
      </c>
      <c r="F190" s="94">
        <v>7.1749056240209302E-2</v>
      </c>
      <c r="G190" s="165">
        <v>0.72599999999999998</v>
      </c>
      <c r="H190" s="94">
        <v>9.1505078197130135E-2</v>
      </c>
      <c r="I190" s="165">
        <v>5.8999999999999997E-2</v>
      </c>
      <c r="J190" s="94">
        <v>5.4196266183865714E-2</v>
      </c>
    </row>
    <row r="191" spans="1:10" ht="25.5">
      <c r="A191" s="49" t="s">
        <v>437</v>
      </c>
      <c r="B191" s="49">
        <v>113</v>
      </c>
      <c r="C191" s="164">
        <v>8.2000000000000003E-2</v>
      </c>
      <c r="D191" s="97">
        <v>5.4543550848788938E-2</v>
      </c>
      <c r="E191" s="164">
        <v>9.5000000000000001E-2</v>
      </c>
      <c r="F191" s="97">
        <v>5.7586402905770669E-2</v>
      </c>
      <c r="G191" s="164">
        <v>0.80800000000000005</v>
      </c>
      <c r="H191" s="97">
        <v>7.4308561642301318E-2</v>
      </c>
      <c r="I191" s="164">
        <v>1.4999999999999999E-2</v>
      </c>
      <c r="J191" s="97">
        <v>3.2335751748676166E-2</v>
      </c>
    </row>
    <row r="192" spans="1:10">
      <c r="A192" s="45" t="s">
        <v>453</v>
      </c>
      <c r="B192" s="162">
        <v>524</v>
      </c>
      <c r="C192" s="165">
        <v>0.111</v>
      </c>
      <c r="D192" s="94">
        <v>2.765631302168441E-2</v>
      </c>
      <c r="E192" s="165">
        <v>0.11899999999999999</v>
      </c>
      <c r="F192" s="94">
        <v>2.8475145727653781E-2</v>
      </c>
      <c r="G192" s="165">
        <v>0.746</v>
      </c>
      <c r="H192" s="94">
        <v>3.7979004960716926E-2</v>
      </c>
      <c r="I192" s="165">
        <v>2.5000000000000001E-2</v>
      </c>
      <c r="J192" s="94">
        <v>1.4507211245711414E-2</v>
      </c>
    </row>
    <row r="193" spans="1:10" ht="25.5">
      <c r="A193" s="49" t="s">
        <v>438</v>
      </c>
      <c r="B193" s="163">
        <v>77</v>
      </c>
      <c r="C193" s="164">
        <v>0.10100000000000001</v>
      </c>
      <c r="D193" s="97">
        <v>7.2396139183571268E-2</v>
      </c>
      <c r="E193" s="164">
        <v>5.6000000000000001E-2</v>
      </c>
      <c r="F193" s="97">
        <v>5.9567774863580177E-2</v>
      </c>
      <c r="G193" s="164">
        <v>0.84299999999999997</v>
      </c>
      <c r="H193" s="97">
        <v>8.423475405916872E-2</v>
      </c>
      <c r="I193" s="164">
        <v>0</v>
      </c>
      <c r="J193" s="97">
        <v>3.4485061975244265E-2</v>
      </c>
    </row>
    <row r="194" spans="1:10" ht="25.5">
      <c r="A194" s="45" t="s">
        <v>439</v>
      </c>
      <c r="B194" s="83">
        <v>79</v>
      </c>
      <c r="C194" s="165">
        <v>8.6999999999999994E-2</v>
      </c>
      <c r="D194" s="94">
        <v>6.7832263593911299E-2</v>
      </c>
      <c r="E194" s="165">
        <v>3.5999999999999997E-2</v>
      </c>
      <c r="F194" s="94">
        <v>5.1463116950182804E-2</v>
      </c>
      <c r="G194" s="165">
        <v>0.877</v>
      </c>
      <c r="H194" s="94">
        <v>7.6438834507384215E-2</v>
      </c>
      <c r="I194" s="165">
        <v>0</v>
      </c>
      <c r="J194" s="94">
        <v>3.3664360151118053E-2</v>
      </c>
    </row>
    <row r="195" spans="1:10">
      <c r="A195" s="49" t="s">
        <v>440</v>
      </c>
      <c r="B195" s="163">
        <v>79</v>
      </c>
      <c r="C195" s="164">
        <v>6.5000000000000002E-2</v>
      </c>
      <c r="D195" s="97">
        <v>6.1536186232451814E-2</v>
      </c>
      <c r="E195" s="164">
        <v>0.109</v>
      </c>
      <c r="F195" s="97">
        <v>7.3303937449977083E-2</v>
      </c>
      <c r="G195" s="164">
        <v>0.82599999999999996</v>
      </c>
      <c r="H195" s="97">
        <v>8.6071037984676343E-2</v>
      </c>
      <c r="I195" s="164">
        <v>0</v>
      </c>
      <c r="J195" s="97">
        <v>3.3664360151118053E-2</v>
      </c>
    </row>
    <row r="196" spans="1:10">
      <c r="A196" s="57" t="s">
        <v>441</v>
      </c>
      <c r="B196" s="162">
        <v>70</v>
      </c>
      <c r="C196" s="165">
        <v>0.112</v>
      </c>
      <c r="D196" s="94">
        <v>7.8942730330182342E-2</v>
      </c>
      <c r="E196" s="165">
        <v>0.153</v>
      </c>
      <c r="F196" s="94">
        <v>8.7689986258457642E-2</v>
      </c>
      <c r="G196" s="165">
        <v>0.65500000000000003</v>
      </c>
      <c r="H196" s="94">
        <v>0.11113714441541719</v>
      </c>
      <c r="I196" s="165">
        <v>0.08</v>
      </c>
      <c r="J196" s="94">
        <v>7.0578634528489614E-2</v>
      </c>
    </row>
    <row r="197" spans="1:10" ht="25.5">
      <c r="A197" s="49" t="s">
        <v>442</v>
      </c>
      <c r="B197" s="163">
        <v>110</v>
      </c>
      <c r="C197" s="164">
        <v>0.20399999999999999</v>
      </c>
      <c r="D197" s="97">
        <v>7.6874156212379335E-2</v>
      </c>
      <c r="E197" s="164">
        <v>9.9000000000000005E-2</v>
      </c>
      <c r="F197" s="97">
        <v>5.9319329373858087E-2</v>
      </c>
      <c r="G197" s="164">
        <v>0.68100000000000005</v>
      </c>
      <c r="H197" s="97">
        <v>8.7759176838632436E-2</v>
      </c>
      <c r="I197" s="164">
        <v>1.6E-2</v>
      </c>
      <c r="J197" s="97">
        <v>3.3453090344383707E-2</v>
      </c>
    </row>
    <row r="198" spans="1:10">
      <c r="A198" s="57" t="s">
        <v>443</v>
      </c>
      <c r="B198" s="162">
        <v>163</v>
      </c>
      <c r="C198" s="165">
        <v>0.111</v>
      </c>
      <c r="D198" s="94">
        <v>5.0349936375647629E-2</v>
      </c>
      <c r="E198" s="165">
        <v>0.16200000000000001</v>
      </c>
      <c r="F198" s="94">
        <v>5.8147700507757215E-2</v>
      </c>
      <c r="G198" s="165">
        <v>0.69799999999999995</v>
      </c>
      <c r="H198" s="94">
        <v>7.1368411550091923E-2</v>
      </c>
      <c r="I198" s="165">
        <v>2.9000000000000001E-2</v>
      </c>
      <c r="J198" s="94">
        <v>3.0429595957746226E-2</v>
      </c>
    </row>
    <row r="199" spans="1:10">
      <c r="A199" s="49" t="s">
        <v>455</v>
      </c>
      <c r="B199" s="163">
        <v>140</v>
      </c>
      <c r="C199" s="164">
        <v>3.1E-2</v>
      </c>
      <c r="D199" s="97">
        <v>3.4192808113910116E-2</v>
      </c>
      <c r="E199" s="164">
        <v>0.11899999999999999</v>
      </c>
      <c r="F199" s="97">
        <v>5.5974074617817372E-2</v>
      </c>
      <c r="G199" s="164">
        <v>0.84299999999999997</v>
      </c>
      <c r="H199" s="97">
        <v>6.2092287275154853E-2</v>
      </c>
      <c r="I199" s="164">
        <v>7.0000000000000001E-3</v>
      </c>
      <c r="J199" s="97">
        <v>2.3726558263766278E-2</v>
      </c>
    </row>
    <row r="200" spans="1:10">
      <c r="A200" s="57" t="s">
        <v>444</v>
      </c>
      <c r="B200" s="162">
        <v>87</v>
      </c>
      <c r="C200" s="165">
        <v>3.2000000000000001E-2</v>
      </c>
      <c r="D200" s="94">
        <v>4.6790472153726906E-2</v>
      </c>
      <c r="E200" s="165">
        <v>9.9000000000000005E-2</v>
      </c>
      <c r="F200" s="94">
        <v>6.7294551026454541E-2</v>
      </c>
      <c r="G200" s="165">
        <v>0.85899999999999999</v>
      </c>
      <c r="H200" s="94">
        <v>7.6229895916677629E-2</v>
      </c>
      <c r="I200" s="165">
        <v>0.01</v>
      </c>
      <c r="J200" s="94">
        <v>3.6641288776130126E-2</v>
      </c>
    </row>
    <row r="201" spans="1:10">
      <c r="A201" s="49" t="s">
        <v>454</v>
      </c>
      <c r="B201" s="163">
        <v>249</v>
      </c>
      <c r="C201" s="164">
        <v>0.154</v>
      </c>
      <c r="D201" s="97">
        <v>4.6034797179638605E-2</v>
      </c>
      <c r="E201" s="164">
        <v>0.161</v>
      </c>
      <c r="F201" s="97">
        <v>4.6825576505321063E-2</v>
      </c>
      <c r="G201" s="164">
        <v>0.67</v>
      </c>
      <c r="H201" s="97">
        <v>5.9245134221974083E-2</v>
      </c>
      <c r="I201" s="164">
        <v>1.4E-2</v>
      </c>
      <c r="J201" s="97">
        <v>1.8313738131006955E-2</v>
      </c>
    </row>
    <row r="202" spans="1:10" ht="25.5">
      <c r="A202" s="57" t="s">
        <v>445</v>
      </c>
      <c r="B202" s="162">
        <v>107</v>
      </c>
      <c r="C202" s="165">
        <v>0.18</v>
      </c>
      <c r="D202" s="94">
        <v>7.4699929196806042E-2</v>
      </c>
      <c r="E202" s="165">
        <v>0.11899999999999999</v>
      </c>
      <c r="F202" s="94">
        <v>6.4406521010456422E-2</v>
      </c>
      <c r="G202" s="165">
        <v>0.70199999999999996</v>
      </c>
      <c r="H202" s="94">
        <v>8.7422313708379037E-2</v>
      </c>
      <c r="I202" s="165">
        <v>0</v>
      </c>
      <c r="J202" s="94">
        <v>2.5250720474759302E-2</v>
      </c>
    </row>
    <row r="203" spans="1:10">
      <c r="A203" s="49" t="s">
        <v>471</v>
      </c>
      <c r="B203" s="163">
        <v>88</v>
      </c>
      <c r="C203" s="164">
        <v>0.14199999999999999</v>
      </c>
      <c r="D203" s="97">
        <v>7.5968649042745237E-2</v>
      </c>
      <c r="E203" s="164">
        <v>0.224</v>
      </c>
      <c r="F203" s="97">
        <v>8.8539846102340197E-2</v>
      </c>
      <c r="G203" s="164">
        <v>0.59799999999999998</v>
      </c>
      <c r="H203" s="97">
        <v>0.10240859666388637</v>
      </c>
      <c r="I203" s="164">
        <v>3.5000000000000003E-2</v>
      </c>
      <c r="J203" s="97">
        <v>4.7625546214779546E-2</v>
      </c>
    </row>
    <row r="204" spans="1:10" ht="25.5">
      <c r="A204" s="57" t="s">
        <v>442</v>
      </c>
      <c r="B204" s="162">
        <v>110</v>
      </c>
      <c r="C204" s="165">
        <v>0.20399999999999999</v>
      </c>
      <c r="D204" s="94">
        <v>7.6874156212379335E-2</v>
      </c>
      <c r="E204" s="165">
        <v>9.9000000000000005E-2</v>
      </c>
      <c r="F204" s="94">
        <v>5.9319329373858087E-2</v>
      </c>
      <c r="G204" s="165">
        <v>0.68100000000000005</v>
      </c>
      <c r="H204" s="94">
        <v>8.7759176838632436E-2</v>
      </c>
      <c r="I204" s="165">
        <v>1.6E-2</v>
      </c>
      <c r="J204" s="94">
        <v>3.3453090344383707E-2</v>
      </c>
    </row>
  </sheetData>
  <mergeCells count="26">
    <mergeCell ref="A3:O3"/>
    <mergeCell ref="A4:O4"/>
    <mergeCell ref="E5:O5"/>
    <mergeCell ref="A90:I90"/>
    <mergeCell ref="B63:H63"/>
    <mergeCell ref="I63:O63"/>
    <mergeCell ref="A61:V61"/>
    <mergeCell ref="A62:V62"/>
    <mergeCell ref="P63:V63"/>
    <mergeCell ref="A149:V149"/>
    <mergeCell ref="A5:D5"/>
    <mergeCell ref="A92:D92"/>
    <mergeCell ref="A119:D119"/>
    <mergeCell ref="A120:D120"/>
    <mergeCell ref="E92:I92"/>
    <mergeCell ref="A91:I91"/>
    <mergeCell ref="A121:D121"/>
    <mergeCell ref="A33:K33"/>
    <mergeCell ref="A32:K32"/>
    <mergeCell ref="A148:V148"/>
    <mergeCell ref="B150:H150"/>
    <mergeCell ref="P150:V150"/>
    <mergeCell ref="I150:O150"/>
    <mergeCell ref="A179:J179"/>
    <mergeCell ref="A178:J178"/>
    <mergeCell ref="A177:J177"/>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18"/>
  <sheetViews>
    <sheetView zoomScaleNormal="100" workbookViewId="0">
      <selection activeCell="E93" sqref="E93"/>
    </sheetView>
  </sheetViews>
  <sheetFormatPr defaultColWidth="19.140625" defaultRowHeight="15"/>
  <cols>
    <col min="1" max="1" width="47.7109375" customWidth="1"/>
  </cols>
  <sheetData>
    <row r="1" spans="1:4" ht="31.5">
      <c r="A1" s="33" t="s">
        <v>40</v>
      </c>
    </row>
    <row r="3" spans="1:4" ht="18.75">
      <c r="A3" s="367" t="s">
        <v>11</v>
      </c>
      <c r="B3" s="367"/>
      <c r="C3" s="367"/>
      <c r="D3" s="367"/>
    </row>
    <row r="4" spans="1:4" ht="106.5" customHeight="1">
      <c r="A4" s="418" t="s">
        <v>262</v>
      </c>
      <c r="B4" s="418"/>
      <c r="C4" s="418"/>
      <c r="D4" s="418"/>
    </row>
    <row r="5" spans="1:4" ht="38.25" customHeight="1">
      <c r="A5" s="398" t="s">
        <v>141</v>
      </c>
      <c r="B5" s="398"/>
      <c r="C5" s="398"/>
      <c r="D5" s="398"/>
    </row>
    <row r="6" spans="1:4" ht="72">
      <c r="A6" s="37" t="s">
        <v>85</v>
      </c>
      <c r="B6" s="38" t="s">
        <v>86</v>
      </c>
      <c r="C6" s="39" t="s">
        <v>87</v>
      </c>
      <c r="D6" s="40" t="s">
        <v>88</v>
      </c>
    </row>
    <row r="7" spans="1:4" ht="72">
      <c r="A7" s="41"/>
      <c r="B7" s="42" t="s">
        <v>89</v>
      </c>
      <c r="C7" s="128" t="s">
        <v>142</v>
      </c>
      <c r="D7" s="44" t="s">
        <v>91</v>
      </c>
    </row>
    <row r="8" spans="1:4">
      <c r="A8" s="45" t="s">
        <v>430</v>
      </c>
      <c r="B8" s="166">
        <v>9254</v>
      </c>
      <c r="C8" s="167">
        <v>4.63</v>
      </c>
      <c r="D8" s="86">
        <v>1.9599999999999999E-2</v>
      </c>
    </row>
    <row r="9" spans="1:4">
      <c r="A9" s="49" t="s">
        <v>431</v>
      </c>
      <c r="B9" s="49">
        <v>8632</v>
      </c>
      <c r="C9" s="169">
        <v>4.58</v>
      </c>
      <c r="D9" s="87">
        <v>3.9199999999999999E-2</v>
      </c>
    </row>
    <row r="10" spans="1:4">
      <c r="A10" s="45" t="s">
        <v>432</v>
      </c>
      <c r="B10" s="53">
        <v>811</v>
      </c>
      <c r="C10" s="167">
        <v>4.53</v>
      </c>
      <c r="D10" s="86">
        <v>9.8000000000000004E-2</v>
      </c>
    </row>
    <row r="11" spans="1:4">
      <c r="A11" s="49" t="s">
        <v>433</v>
      </c>
      <c r="B11" s="49">
        <v>100</v>
      </c>
      <c r="C11" s="169">
        <v>4.3600000000000003</v>
      </c>
      <c r="D11" s="87">
        <v>0.27440000000000003</v>
      </c>
    </row>
    <row r="12" spans="1:4">
      <c r="A12" s="45" t="s">
        <v>434</v>
      </c>
      <c r="B12" s="53">
        <v>2529</v>
      </c>
      <c r="C12" s="167">
        <v>4.74</v>
      </c>
      <c r="D12" s="86">
        <v>5.8799999999999998E-2</v>
      </c>
    </row>
    <row r="13" spans="1:4">
      <c r="A13" s="49" t="s">
        <v>435</v>
      </c>
      <c r="B13" s="49">
        <v>2465</v>
      </c>
      <c r="C13" s="169">
        <v>4.76</v>
      </c>
      <c r="D13" s="87">
        <v>5.8799999999999998E-2</v>
      </c>
    </row>
    <row r="14" spans="1:4">
      <c r="A14" s="45" t="s">
        <v>452</v>
      </c>
      <c r="B14" s="53">
        <v>49</v>
      </c>
      <c r="C14" s="167">
        <v>4.1399999999999997</v>
      </c>
      <c r="D14" s="86">
        <v>0.45080000000000003</v>
      </c>
    </row>
    <row r="15" spans="1:4">
      <c r="A15" s="49" t="s">
        <v>172</v>
      </c>
      <c r="B15" s="49">
        <v>238</v>
      </c>
      <c r="C15" s="169">
        <v>5.03</v>
      </c>
      <c r="D15" s="87">
        <v>0.1764</v>
      </c>
    </row>
    <row r="16" spans="1:4" ht="25.5">
      <c r="A16" s="45" t="s">
        <v>436</v>
      </c>
      <c r="B16" s="53">
        <v>96</v>
      </c>
      <c r="C16" s="167">
        <v>4.88</v>
      </c>
      <c r="D16" s="86">
        <v>0.27440000000000003</v>
      </c>
    </row>
    <row r="17" spans="1:29" ht="25.5">
      <c r="A17" s="49" t="s">
        <v>437</v>
      </c>
      <c r="B17" s="49">
        <v>115</v>
      </c>
      <c r="C17" s="169">
        <v>5.04</v>
      </c>
      <c r="D17" s="87">
        <v>0.25480000000000003</v>
      </c>
    </row>
    <row r="18" spans="1:29">
      <c r="A18" s="45" t="s">
        <v>453</v>
      </c>
      <c r="B18" s="166">
        <v>529</v>
      </c>
      <c r="C18" s="167">
        <v>4.8099999999999996</v>
      </c>
      <c r="D18" s="86">
        <v>0.1176</v>
      </c>
    </row>
    <row r="19" spans="1:29">
      <c r="A19" s="49" t="s">
        <v>438</v>
      </c>
      <c r="B19" s="168">
        <v>77</v>
      </c>
      <c r="C19" s="169">
        <v>4.8</v>
      </c>
      <c r="D19" s="87">
        <v>0.3332</v>
      </c>
    </row>
    <row r="20" spans="1:29">
      <c r="A20" s="45" t="s">
        <v>439</v>
      </c>
      <c r="B20" s="83">
        <v>79</v>
      </c>
      <c r="C20" s="167">
        <v>5.27</v>
      </c>
      <c r="D20" s="86">
        <v>0.31359999999999999</v>
      </c>
    </row>
    <row r="21" spans="1:29">
      <c r="A21" s="49" t="s">
        <v>440</v>
      </c>
      <c r="B21" s="168">
        <v>79</v>
      </c>
      <c r="C21" s="169">
        <v>5.19</v>
      </c>
      <c r="D21" s="87">
        <v>0.27440000000000003</v>
      </c>
    </row>
    <row r="22" spans="1:29">
      <c r="A22" s="57" t="s">
        <v>441</v>
      </c>
      <c r="B22" s="166">
        <v>72</v>
      </c>
      <c r="C22" s="167">
        <v>4.96</v>
      </c>
      <c r="D22" s="86">
        <v>0.31359999999999999</v>
      </c>
    </row>
    <row r="23" spans="1:29">
      <c r="A23" s="49" t="s">
        <v>442</v>
      </c>
      <c r="B23" s="168">
        <v>111</v>
      </c>
      <c r="C23" s="169">
        <v>4.2</v>
      </c>
      <c r="D23" s="87">
        <v>0.25480000000000003</v>
      </c>
    </row>
    <row r="24" spans="1:29">
      <c r="A24" s="57" t="s">
        <v>443</v>
      </c>
      <c r="B24" s="166">
        <v>165</v>
      </c>
      <c r="C24" s="167">
        <v>4.59</v>
      </c>
      <c r="D24" s="86">
        <v>0.21559999999999999</v>
      </c>
    </row>
    <row r="25" spans="1:29">
      <c r="A25" s="49" t="s">
        <v>455</v>
      </c>
      <c r="B25" s="168">
        <v>142</v>
      </c>
      <c r="C25" s="169">
        <v>4.8099999999999996</v>
      </c>
      <c r="D25" s="87">
        <v>0.19600000000000001</v>
      </c>
    </row>
    <row r="26" spans="1:29">
      <c r="A26" s="57" t="s">
        <v>444</v>
      </c>
      <c r="B26" s="166">
        <v>88</v>
      </c>
      <c r="C26" s="167">
        <v>4.7</v>
      </c>
      <c r="D26" s="86">
        <v>0.25480000000000003</v>
      </c>
    </row>
    <row r="27" spans="1:29">
      <c r="A27" s="49" t="s">
        <v>454</v>
      </c>
      <c r="B27" s="168">
        <v>247</v>
      </c>
      <c r="C27" s="169">
        <v>4.5599999999999996</v>
      </c>
      <c r="D27" s="87">
        <v>0.15679999999999999</v>
      </c>
    </row>
    <row r="28" spans="1:29" ht="25.5">
      <c r="A28" s="57" t="s">
        <v>445</v>
      </c>
      <c r="B28" s="166">
        <v>106</v>
      </c>
      <c r="C28" s="167">
        <v>4.43</v>
      </c>
      <c r="D28" s="86">
        <v>0.25480000000000003</v>
      </c>
    </row>
    <row r="29" spans="1:29">
      <c r="A29" s="49" t="s">
        <v>471</v>
      </c>
      <c r="B29" s="168">
        <v>87</v>
      </c>
      <c r="C29" s="169">
        <v>4.75</v>
      </c>
      <c r="D29" s="87">
        <v>0.27440000000000003</v>
      </c>
    </row>
    <row r="30" spans="1:29">
      <c r="A30" s="57" t="s">
        <v>442</v>
      </c>
      <c r="B30" s="166">
        <v>111</v>
      </c>
      <c r="C30" s="167">
        <v>4.2</v>
      </c>
      <c r="D30" s="86">
        <v>0.25480000000000003</v>
      </c>
    </row>
    <row r="32" spans="1:29" ht="18.75">
      <c r="A32" s="368" t="s">
        <v>43</v>
      </c>
      <c r="B32" s="368"/>
      <c r="C32" s="368"/>
      <c r="D32" s="368"/>
      <c r="E32" s="368"/>
      <c r="F32" s="368"/>
      <c r="G32" s="368"/>
      <c r="H32" s="368"/>
      <c r="I32" s="368"/>
      <c r="J32" s="368"/>
      <c r="K32" s="368"/>
      <c r="L32" s="368"/>
      <c r="M32" s="368"/>
      <c r="N32" s="368"/>
      <c r="O32" s="368"/>
      <c r="P32" s="368"/>
      <c r="Q32" s="368"/>
      <c r="R32" s="368"/>
      <c r="S32" s="368"/>
      <c r="T32" s="236"/>
      <c r="U32" s="236"/>
      <c r="V32" s="236"/>
      <c r="W32" s="236"/>
      <c r="X32" s="236"/>
      <c r="Y32" s="236"/>
      <c r="Z32" s="236"/>
      <c r="AA32" s="236"/>
      <c r="AB32" s="236"/>
      <c r="AC32" s="236"/>
    </row>
    <row r="33" spans="1:45" ht="64.5" customHeight="1">
      <c r="A33" s="407" t="s">
        <v>379</v>
      </c>
      <c r="B33" s="407"/>
      <c r="C33" s="407"/>
      <c r="D33" s="407"/>
      <c r="E33" s="407"/>
      <c r="F33" s="407"/>
      <c r="G33" s="407"/>
      <c r="H33" s="407"/>
      <c r="I33" s="407"/>
      <c r="J33" s="407"/>
      <c r="K33" s="407"/>
      <c r="L33" s="407"/>
      <c r="M33" s="407"/>
      <c r="N33" s="407"/>
      <c r="O33" s="407"/>
      <c r="P33" s="407"/>
      <c r="Q33" s="407"/>
      <c r="R33" s="407"/>
      <c r="S33" s="407"/>
      <c r="T33" s="262"/>
      <c r="U33" s="262"/>
      <c r="V33" s="262"/>
      <c r="W33" s="262"/>
      <c r="X33" s="262"/>
      <c r="Y33" s="262"/>
      <c r="Z33" s="262"/>
      <c r="AA33" s="262"/>
      <c r="AB33" s="262"/>
      <c r="AC33" s="262"/>
    </row>
    <row r="34" spans="1:45" ht="39" customHeight="1">
      <c r="A34" s="64"/>
      <c r="B34" s="343" t="s">
        <v>143</v>
      </c>
      <c r="C34" s="344"/>
      <c r="D34" s="344"/>
      <c r="E34" s="344"/>
      <c r="F34" s="344"/>
      <c r="G34" s="344"/>
      <c r="H34" s="344"/>
      <c r="I34" s="344"/>
      <c r="J34" s="345"/>
      <c r="K34" s="346" t="s">
        <v>144</v>
      </c>
      <c r="L34" s="347"/>
      <c r="M34" s="347"/>
      <c r="N34" s="347"/>
      <c r="O34" s="347"/>
      <c r="P34" s="347"/>
      <c r="Q34" s="347"/>
      <c r="R34" s="347"/>
      <c r="S34" s="336"/>
      <c r="T34" s="336"/>
      <c r="U34" s="336"/>
      <c r="V34" s="336"/>
      <c r="W34" s="336"/>
      <c r="X34" s="336"/>
      <c r="Y34" s="336"/>
      <c r="Z34" s="336"/>
      <c r="AA34" s="336"/>
      <c r="AB34" s="336"/>
      <c r="AC34" s="336"/>
      <c r="AD34" s="336"/>
      <c r="AE34" s="336"/>
      <c r="AF34" s="336"/>
      <c r="AG34" s="336"/>
      <c r="AH34" s="336"/>
      <c r="AI34" s="336"/>
      <c r="AJ34" s="336"/>
      <c r="AK34" s="336"/>
      <c r="AL34" s="336"/>
      <c r="AM34" s="336"/>
      <c r="AN34" s="336"/>
      <c r="AO34" s="336"/>
      <c r="AP34" s="336"/>
      <c r="AQ34" s="336"/>
      <c r="AR34" s="336"/>
      <c r="AS34" s="336"/>
    </row>
    <row r="35" spans="1:45" ht="72">
      <c r="A35" s="37" t="s">
        <v>85</v>
      </c>
      <c r="B35" s="38" t="s">
        <v>86</v>
      </c>
      <c r="C35" s="38" t="s">
        <v>179</v>
      </c>
      <c r="D35" s="89" t="s">
        <v>101</v>
      </c>
      <c r="E35" s="38" t="s">
        <v>180</v>
      </c>
      <c r="F35" s="89" t="s">
        <v>102</v>
      </c>
      <c r="G35" s="38" t="s">
        <v>181</v>
      </c>
      <c r="H35" s="89" t="s">
        <v>103</v>
      </c>
      <c r="I35" s="38" t="s">
        <v>356</v>
      </c>
      <c r="J35" s="89" t="s">
        <v>355</v>
      </c>
      <c r="K35" s="65" t="s">
        <v>86</v>
      </c>
      <c r="L35" s="65" t="s">
        <v>179</v>
      </c>
      <c r="M35" s="88" t="s">
        <v>101</v>
      </c>
      <c r="N35" s="65" t="s">
        <v>180</v>
      </c>
      <c r="O35" s="88" t="s">
        <v>102</v>
      </c>
      <c r="P35" s="88" t="s">
        <v>103</v>
      </c>
      <c r="Q35" s="65" t="s">
        <v>356</v>
      </c>
      <c r="R35" s="88" t="s">
        <v>355</v>
      </c>
    </row>
    <row r="36" spans="1:45" ht="84">
      <c r="A36" s="41"/>
      <c r="B36" s="42" t="s">
        <v>89</v>
      </c>
      <c r="C36" s="42" t="s">
        <v>182</v>
      </c>
      <c r="D36" s="91" t="s">
        <v>145</v>
      </c>
      <c r="E36" s="42" t="s">
        <v>183</v>
      </c>
      <c r="F36" s="91" t="s">
        <v>146</v>
      </c>
      <c r="G36" s="42" t="s">
        <v>184</v>
      </c>
      <c r="H36" s="91" t="s">
        <v>147</v>
      </c>
      <c r="I36" s="42" t="s">
        <v>356</v>
      </c>
      <c r="J36" s="91" t="s">
        <v>104</v>
      </c>
      <c r="K36" s="68" t="s">
        <v>89</v>
      </c>
      <c r="L36" s="68" t="s">
        <v>182</v>
      </c>
      <c r="M36" s="90" t="s">
        <v>145</v>
      </c>
      <c r="N36" s="68" t="s">
        <v>183</v>
      </c>
      <c r="O36" s="90" t="s">
        <v>146</v>
      </c>
      <c r="P36" s="90" t="s">
        <v>147</v>
      </c>
      <c r="Q36" s="68" t="s">
        <v>356</v>
      </c>
      <c r="R36" s="90" t="s">
        <v>104</v>
      </c>
    </row>
    <row r="37" spans="1:45">
      <c r="A37" s="45" t="s">
        <v>430</v>
      </c>
      <c r="B37" s="166">
        <v>9361</v>
      </c>
      <c r="C37" s="170">
        <v>0.26700000000000002</v>
      </c>
      <c r="D37" s="94">
        <v>9.1439777660970185E-3</v>
      </c>
      <c r="E37" s="170">
        <v>0.19500000000000001</v>
      </c>
      <c r="F37" s="94">
        <v>8.1903267237955959E-3</v>
      </c>
      <c r="G37" s="170">
        <v>0.47699999999999998</v>
      </c>
      <c r="H37" s="94">
        <v>1.0322538991586489E-2</v>
      </c>
      <c r="I37" s="93">
        <v>0.06</v>
      </c>
      <c r="J37" s="94">
        <v>4.9153147216839535E-3</v>
      </c>
      <c r="K37" s="166">
        <v>9393</v>
      </c>
      <c r="L37" s="170">
        <v>0.192</v>
      </c>
      <c r="M37" s="170">
        <v>0.61599999999999999</v>
      </c>
      <c r="N37" s="170">
        <v>0.126</v>
      </c>
      <c r="O37" s="94">
        <v>6.8503222862829711E-3</v>
      </c>
      <c r="P37" s="94">
        <v>1.0034641565253173E-2</v>
      </c>
      <c r="Q37" s="93">
        <v>6.6000000000000003E-2</v>
      </c>
      <c r="R37" s="94">
        <v>5.129142896626142E-3</v>
      </c>
    </row>
    <row r="38" spans="1:45">
      <c r="A38" s="49" t="s">
        <v>431</v>
      </c>
      <c r="B38" s="168">
        <v>8720</v>
      </c>
      <c r="C38" s="171">
        <v>0.27600000000000002</v>
      </c>
      <c r="D38" s="97">
        <v>9.5729540637198435E-3</v>
      </c>
      <c r="E38" s="171">
        <v>0.191</v>
      </c>
      <c r="F38" s="97">
        <v>8.4194959724816446E-3</v>
      </c>
      <c r="G38" s="171">
        <v>0.48</v>
      </c>
      <c r="H38" s="97">
        <v>1.0697807449970632E-2</v>
      </c>
      <c r="I38" s="96">
        <v>5.2999999999999999E-2</v>
      </c>
      <c r="J38" s="97">
        <v>4.8059160849244272E-3</v>
      </c>
      <c r="K38" s="168">
        <v>8750</v>
      </c>
      <c r="L38" s="171">
        <v>0.21</v>
      </c>
      <c r="M38" s="171">
        <v>0.60299999999999998</v>
      </c>
      <c r="N38" s="171">
        <v>0.125</v>
      </c>
      <c r="O38" s="97">
        <v>7.0736031620931405E-3</v>
      </c>
      <c r="P38" s="97">
        <v>1.0458982254780031E-2</v>
      </c>
      <c r="Q38" s="96">
        <v>6.0999999999999999E-2</v>
      </c>
      <c r="R38" s="97">
        <v>5.1237855705285737E-3</v>
      </c>
    </row>
    <row r="39" spans="1:45">
      <c r="A39" s="45" t="s">
        <v>432</v>
      </c>
      <c r="B39" s="166">
        <v>836</v>
      </c>
      <c r="C39" s="170">
        <v>0.22600000000000001</v>
      </c>
      <c r="D39" s="94">
        <v>2.8920029895277095E-2</v>
      </c>
      <c r="E39" s="170">
        <v>0.18540000000000001</v>
      </c>
      <c r="F39" s="94">
        <v>2.6900805195460772E-2</v>
      </c>
      <c r="G39" s="170">
        <v>0.4914</v>
      </c>
      <c r="H39" s="94">
        <v>3.4498222363026659E-2</v>
      </c>
      <c r="I39" s="93">
        <v>9.7199999999999995E-2</v>
      </c>
      <c r="J39" s="94">
        <v>2.0620574380535005E-2</v>
      </c>
      <c r="K39" s="166">
        <v>840</v>
      </c>
      <c r="L39" s="170">
        <v>0.2414</v>
      </c>
      <c r="M39" s="170">
        <v>0.50119999999999998</v>
      </c>
      <c r="N39" s="170">
        <v>0.152</v>
      </c>
      <c r="O39" s="94">
        <v>2.4825570163193846E-2</v>
      </c>
      <c r="P39" s="94">
        <v>3.4421321344676507E-2</v>
      </c>
      <c r="Q39" s="93">
        <v>0.10539999999999999</v>
      </c>
      <c r="R39" s="94">
        <v>2.1303856622659864E-2</v>
      </c>
    </row>
    <row r="40" spans="1:45">
      <c r="A40" s="49" t="s">
        <v>433</v>
      </c>
      <c r="B40" s="168">
        <v>106</v>
      </c>
      <c r="C40" s="171">
        <v>0.125</v>
      </c>
      <c r="D40" s="97">
        <v>6.5896978083299793E-2</v>
      </c>
      <c r="E40" s="171">
        <v>0.24</v>
      </c>
      <c r="F40" s="97">
        <v>8.2512142402659652E-2</v>
      </c>
      <c r="G40" s="171">
        <v>0.49299999999999999</v>
      </c>
      <c r="H40" s="97">
        <v>9.5337581799523924E-2</v>
      </c>
      <c r="I40" s="96">
        <v>0.14099999999999999</v>
      </c>
      <c r="J40" s="97">
        <v>6.8840195044713087E-2</v>
      </c>
      <c r="K40" s="168">
        <v>106</v>
      </c>
      <c r="L40" s="171">
        <v>0.29199999999999998</v>
      </c>
      <c r="M40" s="171">
        <v>0.36599999999999999</v>
      </c>
      <c r="N40" s="171">
        <v>0.16800000000000001</v>
      </c>
      <c r="O40" s="97">
        <v>7.3273222236500624E-2</v>
      </c>
      <c r="P40" s="97">
        <v>9.2111818891845998E-2</v>
      </c>
      <c r="Q40" s="96">
        <v>0.17499999999999999</v>
      </c>
      <c r="R40" s="97">
        <v>7.4325365487975317E-2</v>
      </c>
    </row>
    <row r="41" spans="1:45">
      <c r="A41" s="45" t="s">
        <v>434</v>
      </c>
      <c r="B41" s="166">
        <v>2550</v>
      </c>
      <c r="C41" s="170">
        <v>0.255</v>
      </c>
      <c r="D41" s="94">
        <v>1.7257680031265089E-2</v>
      </c>
      <c r="E41" s="170">
        <v>0.17899999999999999</v>
      </c>
      <c r="F41" s="94">
        <v>1.5187757653075682E-2</v>
      </c>
      <c r="G41" s="170">
        <v>0.51200000000000001</v>
      </c>
      <c r="H41" s="94">
        <v>1.9781755620991479E-2</v>
      </c>
      <c r="I41" s="93">
        <v>5.5E-2</v>
      </c>
      <c r="J41" s="94">
        <v>9.0759258154780777E-3</v>
      </c>
      <c r="K41" s="166">
        <v>2550</v>
      </c>
      <c r="L41" s="170">
        <v>0.17199999999999999</v>
      </c>
      <c r="M41" s="170">
        <v>0.65400000000000003</v>
      </c>
      <c r="N41" s="170">
        <v>0.123</v>
      </c>
      <c r="O41" s="94">
        <v>1.3024634687212979E-2</v>
      </c>
      <c r="P41" s="94">
        <v>1.8828585393889253E-2</v>
      </c>
      <c r="Q41" s="93">
        <v>5.1999999999999998E-2</v>
      </c>
      <c r="R41" s="94">
        <v>8.8424991018146593E-3</v>
      </c>
    </row>
    <row r="42" spans="1:45">
      <c r="A42" s="49" t="s">
        <v>435</v>
      </c>
      <c r="B42" s="168">
        <v>2486</v>
      </c>
      <c r="C42" s="171">
        <v>0.255</v>
      </c>
      <c r="D42" s="97">
        <v>1.7478280107318101E-2</v>
      </c>
      <c r="E42" s="171">
        <v>0.17399999999999999</v>
      </c>
      <c r="F42" s="97">
        <v>1.5212823524314852E-2</v>
      </c>
      <c r="G42" s="171">
        <v>0.51900000000000002</v>
      </c>
      <c r="H42" s="97">
        <v>2.0025692690224441E-2</v>
      </c>
      <c r="I42" s="96">
        <v>5.1999999999999998E-2</v>
      </c>
      <c r="J42" s="97">
        <v>8.9568635315600432E-3</v>
      </c>
      <c r="K42" s="168">
        <v>2485</v>
      </c>
      <c r="L42" s="171">
        <v>0.17199999999999999</v>
      </c>
      <c r="M42" s="171">
        <v>0.66100000000000003</v>
      </c>
      <c r="N42" s="171">
        <v>0.11799999999999999</v>
      </c>
      <c r="O42" s="97">
        <v>1.2961893255330455E-2</v>
      </c>
      <c r="P42" s="97">
        <v>1.8980112525763336E-2</v>
      </c>
      <c r="Q42" s="96">
        <v>4.9000000000000002E-2</v>
      </c>
      <c r="R42" s="97">
        <v>8.7142240596684798E-3</v>
      </c>
    </row>
    <row r="43" spans="1:45">
      <c r="A43" s="45" t="s">
        <v>452</v>
      </c>
      <c r="B43" s="166">
        <v>50</v>
      </c>
      <c r="C43" s="170">
        <v>0.38600000000000001</v>
      </c>
      <c r="D43" s="94">
        <v>0.13301573972344277</v>
      </c>
      <c r="E43" s="170">
        <v>0.12</v>
      </c>
      <c r="F43" s="94">
        <v>9.668592695037638E-2</v>
      </c>
      <c r="G43" s="170">
        <v>0.31900000000000001</v>
      </c>
      <c r="H43" s="94">
        <v>0.1282106839334132</v>
      </c>
      <c r="I43" s="93">
        <v>0.17499999999999999</v>
      </c>
      <c r="J43" s="94">
        <v>0.10867675042021677</v>
      </c>
      <c r="K43" s="166">
        <v>50</v>
      </c>
      <c r="L43" s="170">
        <v>0.19900000000000001</v>
      </c>
      <c r="M43" s="170">
        <v>0.39700000000000002</v>
      </c>
      <c r="N43" s="170">
        <v>0.27400000000000002</v>
      </c>
      <c r="O43" s="94">
        <v>0.12359149030224865</v>
      </c>
      <c r="P43" s="94">
        <v>0.1335843449619748</v>
      </c>
      <c r="Q43" s="93">
        <v>0.129</v>
      </c>
      <c r="R43" s="94">
        <v>9.8880783975542716E-2</v>
      </c>
    </row>
    <row r="44" spans="1:45">
      <c r="A44" s="49" t="s">
        <v>172</v>
      </c>
      <c r="B44" s="168">
        <v>239</v>
      </c>
      <c r="C44" s="171">
        <v>0.19700000000000001</v>
      </c>
      <c r="D44" s="97">
        <v>5.1510299712858636E-2</v>
      </c>
      <c r="E44" s="171">
        <v>0.158</v>
      </c>
      <c r="F44" s="97">
        <v>4.7463214941930197E-2</v>
      </c>
      <c r="G44" s="171">
        <v>0.59499999999999997</v>
      </c>
      <c r="H44" s="97">
        <v>6.3019975135576098E-2</v>
      </c>
      <c r="I44" s="96">
        <v>0.05</v>
      </c>
      <c r="J44" s="97">
        <v>2.9845086168928017E-2</v>
      </c>
      <c r="K44" s="168">
        <v>238</v>
      </c>
      <c r="L44" s="171">
        <v>0.14499999999999999</v>
      </c>
      <c r="M44" s="171">
        <v>0.73299999999999998</v>
      </c>
      <c r="N44" s="171">
        <v>8.4000000000000005E-2</v>
      </c>
      <c r="O44" s="97">
        <v>3.6953752574188904E-2</v>
      </c>
      <c r="P44" s="97">
        <v>5.7134153517529367E-2</v>
      </c>
      <c r="Q44" s="96">
        <v>3.7999999999999999E-2</v>
      </c>
      <c r="R44" s="97">
        <v>2.6830870942703672E-2</v>
      </c>
    </row>
    <row r="45" spans="1:45" ht="25.5">
      <c r="A45" s="45" t="s">
        <v>436</v>
      </c>
      <c r="B45" s="166">
        <v>97</v>
      </c>
      <c r="C45" s="170">
        <v>0.23799999999999999</v>
      </c>
      <c r="D45" s="94">
        <v>8.5985373429824707E-2</v>
      </c>
      <c r="E45" s="170">
        <v>0.123</v>
      </c>
      <c r="F45" s="94">
        <v>6.8623183156162754E-2</v>
      </c>
      <c r="G45" s="170">
        <v>0.56499999999999995</v>
      </c>
      <c r="H45" s="94">
        <v>9.8725146347567475E-2</v>
      </c>
      <c r="I45" s="93">
        <v>7.3999999999999996E-2</v>
      </c>
      <c r="J45" s="94">
        <v>5.7199908711511968E-2</v>
      </c>
      <c r="K45" s="166">
        <v>97</v>
      </c>
      <c r="L45" s="170">
        <v>0.19900000000000001</v>
      </c>
      <c r="M45" s="170">
        <v>0.70699999999999996</v>
      </c>
      <c r="N45" s="170">
        <v>4.8000000000000001E-2</v>
      </c>
      <c r="O45" s="94">
        <v>4.9375525906402914E-2</v>
      </c>
      <c r="P45" s="94">
        <v>9.1300347058723794E-2</v>
      </c>
      <c r="Q45" s="93">
        <v>4.5999999999999999E-2</v>
      </c>
      <c r="R45" s="94">
        <v>4.8700634220827634E-2</v>
      </c>
    </row>
    <row r="46" spans="1:45" ht="25.5">
      <c r="A46" s="49" t="s">
        <v>437</v>
      </c>
      <c r="B46" s="168">
        <v>115</v>
      </c>
      <c r="C46" s="171">
        <v>0.20799999999999999</v>
      </c>
      <c r="D46" s="97">
        <v>7.5675489613240624E-2</v>
      </c>
      <c r="E46" s="171">
        <v>0.156</v>
      </c>
      <c r="F46" s="97">
        <v>6.8473305303926035E-2</v>
      </c>
      <c r="G46" s="171">
        <v>0.58599999999999997</v>
      </c>
      <c r="H46" s="97">
        <v>9.0394625706990972E-2</v>
      </c>
      <c r="I46" s="96">
        <v>5.0999999999999997E-2</v>
      </c>
      <c r="J46" s="97">
        <v>4.55495765551528E-2</v>
      </c>
      <c r="K46" s="168">
        <v>114</v>
      </c>
      <c r="L46" s="171">
        <v>0.14399999999999999</v>
      </c>
      <c r="M46" s="171">
        <v>0.71199999999999997</v>
      </c>
      <c r="N46" s="171">
        <v>0.112</v>
      </c>
      <c r="O46" s="97">
        <v>6.0922118526682653E-2</v>
      </c>
      <c r="P46" s="97">
        <v>8.397970011326078E-2</v>
      </c>
      <c r="Q46" s="96">
        <v>3.2000000000000001E-2</v>
      </c>
      <c r="R46" s="97">
        <v>3.9304722338132606E-2</v>
      </c>
    </row>
    <row r="47" spans="1:45">
      <c r="A47" s="45" t="s">
        <v>453</v>
      </c>
      <c r="B47" s="166">
        <v>530</v>
      </c>
      <c r="C47" s="170">
        <v>0.23400000000000001</v>
      </c>
      <c r="D47" s="94">
        <v>3.674999502027642E-2</v>
      </c>
      <c r="E47" s="170">
        <v>0.14099999999999999</v>
      </c>
      <c r="F47" s="94">
        <v>3.0358972170509237E-2</v>
      </c>
      <c r="G47" s="170">
        <v>0.58599999999999997</v>
      </c>
      <c r="H47" s="94">
        <v>4.2639011388856667E-2</v>
      </c>
      <c r="I47" s="93">
        <v>3.9E-2</v>
      </c>
      <c r="J47" s="94">
        <v>1.7449962864338232E-2</v>
      </c>
      <c r="K47" s="166">
        <v>534</v>
      </c>
      <c r="L47" s="170">
        <v>0.19</v>
      </c>
      <c r="M47" s="170">
        <v>0.64800000000000002</v>
      </c>
      <c r="N47" s="170">
        <v>0.111</v>
      </c>
      <c r="O47" s="94">
        <v>2.739233898433735E-2</v>
      </c>
      <c r="P47" s="94">
        <v>4.1210358825083518E-2</v>
      </c>
      <c r="Q47" s="93">
        <v>5.0999999999999997E-2</v>
      </c>
      <c r="R47" s="94">
        <v>1.9546083228280008E-2</v>
      </c>
    </row>
    <row r="48" spans="1:45">
      <c r="A48" s="49" t="s">
        <v>438</v>
      </c>
      <c r="B48" s="168">
        <v>78</v>
      </c>
      <c r="C48" s="171">
        <v>0.215</v>
      </c>
      <c r="D48" s="97">
        <v>9.2790378084303946E-2</v>
      </c>
      <c r="E48" s="171">
        <v>0.17799999999999999</v>
      </c>
      <c r="F48" s="97">
        <v>8.7285567880764525E-2</v>
      </c>
      <c r="G48" s="171">
        <v>0.59199999999999997</v>
      </c>
      <c r="H48" s="97">
        <v>0.10872691584657936</v>
      </c>
      <c r="I48" s="96">
        <v>1.6E-2</v>
      </c>
      <c r="J48" s="97">
        <v>4.3077255228508735E-2</v>
      </c>
      <c r="K48" s="168">
        <v>78</v>
      </c>
      <c r="L48" s="171">
        <v>0.21299999999999999</v>
      </c>
      <c r="M48" s="171">
        <v>0.69699999999999995</v>
      </c>
      <c r="N48" s="171">
        <v>8.7999999999999995E-2</v>
      </c>
      <c r="O48" s="97">
        <v>6.8578770193873428E-2</v>
      </c>
      <c r="P48" s="97">
        <v>0.10238256723042222</v>
      </c>
      <c r="Q48" s="96">
        <v>2E-3</v>
      </c>
      <c r="R48" s="97">
        <v>3.5339039251049871E-2</v>
      </c>
    </row>
    <row r="49" spans="1:18">
      <c r="A49" s="45" t="s">
        <v>439</v>
      </c>
      <c r="B49" s="166">
        <v>79</v>
      </c>
      <c r="C49" s="170">
        <v>0.19700000000000001</v>
      </c>
      <c r="D49" s="94">
        <v>8.9665195158598082E-2</v>
      </c>
      <c r="E49" s="170">
        <v>0.13800000000000001</v>
      </c>
      <c r="F49" s="94">
        <v>7.9541575591983091E-2</v>
      </c>
      <c r="G49" s="170">
        <v>0.66400000000000003</v>
      </c>
      <c r="H49" s="94">
        <v>0.10427810786214634</v>
      </c>
      <c r="I49" s="93">
        <v>0</v>
      </c>
      <c r="J49" s="94">
        <v>3.3664360151118053E-2</v>
      </c>
      <c r="K49" s="166">
        <v>79</v>
      </c>
      <c r="L49" s="170">
        <v>0.14099999999999999</v>
      </c>
      <c r="M49" s="170">
        <v>0.78100000000000003</v>
      </c>
      <c r="N49" s="170">
        <v>7.6999999999999999E-2</v>
      </c>
      <c r="O49" s="94">
        <v>6.5086262813262005E-2</v>
      </c>
      <c r="P49" s="94">
        <v>9.274042241661859E-2</v>
      </c>
      <c r="Q49" s="93">
        <v>1E-3</v>
      </c>
      <c r="R49" s="94">
        <v>3.4306050476213067E-2</v>
      </c>
    </row>
    <row r="50" spans="1:18">
      <c r="A50" s="49" t="s">
        <v>440</v>
      </c>
      <c r="B50" s="168">
        <v>77</v>
      </c>
      <c r="C50" s="171">
        <v>0.13</v>
      </c>
      <c r="D50" s="97">
        <v>7.8970891998739495E-2</v>
      </c>
      <c r="E50" s="171">
        <v>0.1</v>
      </c>
      <c r="F50" s="97">
        <v>7.2149462396359984E-2</v>
      </c>
      <c r="G50" s="171">
        <v>0.76900000000000002</v>
      </c>
      <c r="H50" s="97">
        <v>9.5480410268762334E-2</v>
      </c>
      <c r="I50" s="96">
        <v>0</v>
      </c>
      <c r="J50" s="97">
        <v>3.4485061975244265E-2</v>
      </c>
      <c r="K50" s="168">
        <v>79</v>
      </c>
      <c r="L50" s="171">
        <v>0.11700000000000001</v>
      </c>
      <c r="M50" s="171">
        <v>0.74</v>
      </c>
      <c r="N50" s="171">
        <v>0.126</v>
      </c>
      <c r="O50" s="97">
        <v>7.7079572730595083E-2</v>
      </c>
      <c r="P50" s="97">
        <v>9.7639126253221992E-2</v>
      </c>
      <c r="Q50" s="96">
        <v>1.7000000000000001E-2</v>
      </c>
      <c r="R50" s="97">
        <v>4.3161151078340461E-2</v>
      </c>
    </row>
    <row r="51" spans="1:18">
      <c r="A51" s="57" t="s">
        <v>441</v>
      </c>
      <c r="B51" s="166">
        <v>72</v>
      </c>
      <c r="C51" s="170">
        <v>0.20799999999999999</v>
      </c>
      <c r="D51" s="94">
        <v>9.5552402137059927E-2</v>
      </c>
      <c r="E51" s="170">
        <v>0.13800000000000001</v>
      </c>
      <c r="F51" s="94">
        <v>8.347300303977101E-2</v>
      </c>
      <c r="G51" s="170">
        <v>0.52700000000000002</v>
      </c>
      <c r="H51" s="94">
        <v>0.11455766588595492</v>
      </c>
      <c r="I51" s="93">
        <v>0.128</v>
      </c>
      <c r="J51" s="94">
        <v>8.1369657367521761E-2</v>
      </c>
      <c r="K51" s="166">
        <v>74</v>
      </c>
      <c r="L51" s="170">
        <v>0.21099999999999999</v>
      </c>
      <c r="M51" s="170">
        <v>0.7</v>
      </c>
      <c r="N51" s="170">
        <v>5.2999999999999999E-2</v>
      </c>
      <c r="O51" s="94">
        <v>5.9982374895745989E-2</v>
      </c>
      <c r="P51" s="94">
        <v>0.10475793101392745</v>
      </c>
      <c r="Q51" s="93">
        <v>3.5999999999999997E-2</v>
      </c>
      <c r="R51" s="94">
        <v>5.3694026360149631E-2</v>
      </c>
    </row>
    <row r="52" spans="1:18" ht="29.25" customHeight="1">
      <c r="A52" s="49" t="s">
        <v>442</v>
      </c>
      <c r="B52" s="168">
        <v>111</v>
      </c>
      <c r="C52" s="171">
        <v>0.48699999999999999</v>
      </c>
      <c r="D52" s="97">
        <v>9.3221112007115553E-2</v>
      </c>
      <c r="E52" s="171">
        <v>0.21199999999999999</v>
      </c>
      <c r="F52" s="97">
        <v>7.7510317801317355E-2</v>
      </c>
      <c r="G52" s="171">
        <v>0.24299999999999999</v>
      </c>
      <c r="H52" s="97">
        <v>8.0965006931990866E-2</v>
      </c>
      <c r="I52" s="96">
        <v>5.8000000000000003E-2</v>
      </c>
      <c r="J52" s="97">
        <v>4.8629989647887159E-2</v>
      </c>
      <c r="K52" s="168">
        <v>112</v>
      </c>
      <c r="L52" s="171">
        <v>0.26400000000000001</v>
      </c>
      <c r="M52" s="171">
        <v>0.59799999999999998</v>
      </c>
      <c r="N52" s="171">
        <v>0.11</v>
      </c>
      <c r="O52" s="97">
        <v>6.1084678097153053E-2</v>
      </c>
      <c r="P52" s="97">
        <v>9.1169967281499231E-2</v>
      </c>
      <c r="Q52" s="96">
        <v>2.8000000000000001E-2</v>
      </c>
      <c r="R52" s="97">
        <v>3.8198894237026909E-2</v>
      </c>
    </row>
    <row r="53" spans="1:18">
      <c r="A53" s="57" t="s">
        <v>443</v>
      </c>
      <c r="B53" s="166">
        <v>167</v>
      </c>
      <c r="C53" s="170">
        <v>0.25800000000000001</v>
      </c>
      <c r="D53" s="94">
        <v>6.7389726495698077E-2</v>
      </c>
      <c r="E53" s="170">
        <v>0.15</v>
      </c>
      <c r="F53" s="94">
        <v>5.5811706202692116E-2</v>
      </c>
      <c r="G53" s="170">
        <v>0.55100000000000005</v>
      </c>
      <c r="H53" s="94">
        <v>7.6091551659808632E-2</v>
      </c>
      <c r="I53" s="93">
        <v>4.1000000000000002E-2</v>
      </c>
      <c r="J53" s="94">
        <v>3.3876328665335478E-2</v>
      </c>
      <c r="K53" s="166">
        <v>166</v>
      </c>
      <c r="L53" s="170">
        <v>0.19700000000000001</v>
      </c>
      <c r="M53" s="170">
        <v>0.56499999999999995</v>
      </c>
      <c r="N53" s="170">
        <v>0.13500000000000001</v>
      </c>
      <c r="O53" s="94">
        <v>5.3790586095084303E-2</v>
      </c>
      <c r="P53" s="94">
        <v>7.6076043137819863E-2</v>
      </c>
      <c r="Q53" s="93">
        <v>0.104</v>
      </c>
      <c r="R53" s="94">
        <v>4.862261829615451E-2</v>
      </c>
    </row>
    <row r="54" spans="1:18">
      <c r="A54" s="49" t="s">
        <v>455</v>
      </c>
      <c r="B54" s="168">
        <v>141</v>
      </c>
      <c r="C54" s="171">
        <v>0.307</v>
      </c>
      <c r="D54" s="97">
        <v>7.6973398144924862E-2</v>
      </c>
      <c r="E54" s="171">
        <v>0.26700000000000002</v>
      </c>
      <c r="F54" s="97">
        <v>7.4029805983893235E-2</v>
      </c>
      <c r="G54" s="171">
        <v>0.39</v>
      </c>
      <c r="H54" s="97">
        <v>8.1122874553109639E-2</v>
      </c>
      <c r="I54" s="96">
        <v>3.5999999999999997E-2</v>
      </c>
      <c r="J54" s="97">
        <v>3.5784242342125953E-2</v>
      </c>
      <c r="K54" s="168">
        <v>142</v>
      </c>
      <c r="L54" s="171">
        <v>0.113</v>
      </c>
      <c r="M54" s="171">
        <v>0.77600000000000002</v>
      </c>
      <c r="N54" s="171">
        <v>0.1</v>
      </c>
      <c r="O54" s="97">
        <v>5.1987096847063645E-2</v>
      </c>
      <c r="P54" s="97">
        <v>6.9821857263856452E-2</v>
      </c>
      <c r="Q54" s="96">
        <v>1.0999999999999999E-2</v>
      </c>
      <c r="R54" s="97">
        <v>2.5536454718533049E-2</v>
      </c>
    </row>
    <row r="55" spans="1:18">
      <c r="A55" s="57" t="s">
        <v>444</v>
      </c>
      <c r="B55" s="166">
        <v>88</v>
      </c>
      <c r="C55" s="170">
        <v>0.36499999999999999</v>
      </c>
      <c r="D55" s="94">
        <v>0.10072030381486589</v>
      </c>
      <c r="E55" s="170">
        <v>0.28399999999999997</v>
      </c>
      <c r="F55" s="94">
        <v>9.4939991775333119E-2</v>
      </c>
      <c r="G55" s="170">
        <v>0.34</v>
      </c>
      <c r="H55" s="94">
        <v>9.9253232071306596E-2</v>
      </c>
      <c r="I55" s="93">
        <v>0.01</v>
      </c>
      <c r="J55" s="94">
        <v>3.631048814423489E-2</v>
      </c>
      <c r="K55" s="166">
        <v>88</v>
      </c>
      <c r="L55" s="170">
        <v>0.14299999999999999</v>
      </c>
      <c r="M55" s="170">
        <v>0.751</v>
      </c>
      <c r="N55" s="170">
        <v>0.105</v>
      </c>
      <c r="O55" s="94">
        <v>6.8285668499302593E-2</v>
      </c>
      <c r="P55" s="94">
        <v>9.1451639229402124E-2</v>
      </c>
      <c r="Q55" s="93">
        <v>0</v>
      </c>
      <c r="R55" s="94">
        <v>3.0407765486097187E-2</v>
      </c>
    </row>
    <row r="56" spans="1:18">
      <c r="A56" s="49" t="s">
        <v>454</v>
      </c>
      <c r="B56" s="168">
        <v>249</v>
      </c>
      <c r="C56" s="171">
        <v>0.34599999999999997</v>
      </c>
      <c r="D56" s="97">
        <v>5.991139503445346E-2</v>
      </c>
      <c r="E56" s="171">
        <v>0.23499999999999999</v>
      </c>
      <c r="F56" s="97">
        <v>5.3638815450895688E-2</v>
      </c>
      <c r="G56" s="171">
        <v>0.32400000000000001</v>
      </c>
      <c r="H56" s="97">
        <v>5.8976210833388498E-2</v>
      </c>
      <c r="I56" s="96">
        <v>9.5000000000000001E-2</v>
      </c>
      <c r="J56" s="97">
        <v>3.7955780550033437E-2</v>
      </c>
      <c r="K56" s="168">
        <v>251</v>
      </c>
      <c r="L56" s="171">
        <v>0.20300000000000001</v>
      </c>
      <c r="M56" s="171">
        <v>0.67700000000000005</v>
      </c>
      <c r="N56" s="171">
        <v>0.113</v>
      </c>
      <c r="O56" s="97">
        <v>4.0563246815283061E-2</v>
      </c>
      <c r="P56" s="97">
        <v>5.8697785213828568E-2</v>
      </c>
      <c r="Q56" s="96">
        <v>8.0000000000000002E-3</v>
      </c>
      <c r="R56" s="97">
        <v>1.5578065338240018E-2</v>
      </c>
    </row>
    <row r="57" spans="1:18" ht="25.5">
      <c r="A57" s="57" t="s">
        <v>445</v>
      </c>
      <c r="B57" s="166">
        <v>106</v>
      </c>
      <c r="C57" s="170">
        <v>0.33800000000000002</v>
      </c>
      <c r="D57" s="94">
        <v>9.0579939929632869E-2</v>
      </c>
      <c r="E57" s="170">
        <v>0.26100000000000001</v>
      </c>
      <c r="F57" s="94">
        <v>8.4629185304238894E-2</v>
      </c>
      <c r="G57" s="170">
        <v>0.34799999999999998</v>
      </c>
      <c r="H57" s="94">
        <v>9.1163337959010146E-2</v>
      </c>
      <c r="I57" s="93">
        <v>5.1999999999999998E-2</v>
      </c>
      <c r="J57" s="94">
        <v>4.810112863028411E-2</v>
      </c>
      <c r="K57" s="166">
        <v>107</v>
      </c>
      <c r="L57" s="170">
        <v>0.27400000000000002</v>
      </c>
      <c r="M57" s="170">
        <v>0.61399999999999999</v>
      </c>
      <c r="N57" s="170">
        <v>0.111</v>
      </c>
      <c r="O57" s="94">
        <v>6.2784778435559727E-2</v>
      </c>
      <c r="P57" s="94">
        <v>9.25949762411344E-2</v>
      </c>
      <c r="Q57" s="93">
        <v>1E-3</v>
      </c>
      <c r="R57" s="94">
        <v>2.5904652851408548E-2</v>
      </c>
    </row>
    <row r="58" spans="1:18">
      <c r="A58" s="49" t="s">
        <v>471</v>
      </c>
      <c r="B58" s="168">
        <v>89</v>
      </c>
      <c r="C58" s="171">
        <v>0.28100000000000003</v>
      </c>
      <c r="D58" s="97">
        <v>9.4146066603638098E-2</v>
      </c>
      <c r="E58" s="171">
        <v>0.192</v>
      </c>
      <c r="F58" s="97">
        <v>8.3761271830870135E-2</v>
      </c>
      <c r="G58" s="171">
        <v>0.373</v>
      </c>
      <c r="H58" s="97">
        <v>0.10058508481372011</v>
      </c>
      <c r="I58" s="96">
        <v>0.154</v>
      </c>
      <c r="J58" s="97">
        <v>7.7698254207335449E-2</v>
      </c>
      <c r="K58" s="168">
        <v>90</v>
      </c>
      <c r="L58" s="171">
        <v>0.14799999999999999</v>
      </c>
      <c r="M58" s="171">
        <v>0.69199999999999995</v>
      </c>
      <c r="N58" s="171">
        <v>0.14199999999999999</v>
      </c>
      <c r="O58" s="97">
        <v>7.5091858191285374E-2</v>
      </c>
      <c r="P58" s="97">
        <v>9.5918096561040292E-2</v>
      </c>
      <c r="Q58" s="96">
        <v>1.7999999999999999E-2</v>
      </c>
      <c r="R58" s="97">
        <v>3.9694347652586177E-2</v>
      </c>
    </row>
    <row r="59" spans="1:18" ht="44.25" customHeight="1">
      <c r="A59" s="57" t="s">
        <v>442</v>
      </c>
      <c r="B59" s="166">
        <v>111</v>
      </c>
      <c r="C59" s="170">
        <v>0.48699999999999999</v>
      </c>
      <c r="D59" s="94">
        <v>9.3221112007115553E-2</v>
      </c>
      <c r="E59" s="170">
        <v>0.21199999999999999</v>
      </c>
      <c r="F59" s="94">
        <v>7.7510317801317355E-2</v>
      </c>
      <c r="G59" s="170">
        <v>0.24299999999999999</v>
      </c>
      <c r="H59" s="94">
        <v>8.0965006931990866E-2</v>
      </c>
      <c r="I59" s="93">
        <v>5.8000000000000003E-2</v>
      </c>
      <c r="J59" s="94">
        <v>4.8629989647887159E-2</v>
      </c>
      <c r="K59" s="166">
        <v>112</v>
      </c>
      <c r="L59" s="170">
        <v>0.26400000000000001</v>
      </c>
      <c r="M59" s="170">
        <v>0.59799999999999998</v>
      </c>
      <c r="N59" s="170">
        <v>0.11</v>
      </c>
      <c r="O59" s="94">
        <v>6.1084678097153053E-2</v>
      </c>
      <c r="P59" s="94">
        <v>9.1169967281499231E-2</v>
      </c>
      <c r="Q59" s="93">
        <v>2.8000000000000001E-2</v>
      </c>
      <c r="R59" s="94">
        <v>3.8198894237026909E-2</v>
      </c>
    </row>
    <row r="61" spans="1:18" ht="18.75">
      <c r="A61" s="320" t="s">
        <v>263</v>
      </c>
      <c r="B61" s="320"/>
      <c r="C61" s="320"/>
      <c r="D61" s="320"/>
      <c r="E61" s="320"/>
      <c r="F61" s="320"/>
      <c r="G61" s="320"/>
      <c r="H61" s="320"/>
      <c r="I61" s="320"/>
      <c r="J61" s="320"/>
      <c r="K61" s="320"/>
      <c r="L61" s="320"/>
      <c r="M61" s="330"/>
    </row>
    <row r="62" spans="1:18" ht="62.25" customHeight="1">
      <c r="A62" s="407" t="s">
        <v>377</v>
      </c>
      <c r="B62" s="407"/>
      <c r="C62" s="407"/>
      <c r="D62" s="407"/>
      <c r="E62" s="407"/>
      <c r="F62" s="407"/>
      <c r="G62" s="407"/>
      <c r="H62" s="407"/>
      <c r="I62" s="407"/>
      <c r="J62" s="407"/>
      <c r="K62" s="407"/>
      <c r="L62" s="407"/>
      <c r="M62" s="330"/>
    </row>
    <row r="63" spans="1:18" ht="43.5" customHeight="1">
      <c r="A63" s="405" t="s">
        <v>264</v>
      </c>
      <c r="B63" s="406"/>
      <c r="C63" s="406"/>
      <c r="D63" s="406"/>
      <c r="E63" s="406"/>
      <c r="F63" s="406"/>
      <c r="G63" s="406"/>
      <c r="H63" s="406"/>
      <c r="I63" s="406"/>
      <c r="J63" s="406"/>
      <c r="K63" s="406"/>
      <c r="L63" s="406"/>
    </row>
    <row r="64" spans="1:18" ht="72">
      <c r="A64" s="37" t="s">
        <v>85</v>
      </c>
      <c r="B64" s="38" t="s">
        <v>86</v>
      </c>
      <c r="C64" s="39" t="s">
        <v>87</v>
      </c>
      <c r="D64" s="40" t="s">
        <v>88</v>
      </c>
      <c r="E64" s="38" t="s">
        <v>179</v>
      </c>
      <c r="F64" s="89" t="s">
        <v>101</v>
      </c>
      <c r="G64" s="38" t="s">
        <v>180</v>
      </c>
      <c r="H64" s="89" t="s">
        <v>102</v>
      </c>
      <c r="I64" s="38" t="s">
        <v>181</v>
      </c>
      <c r="J64" s="89" t="s">
        <v>103</v>
      </c>
      <c r="K64" s="38" t="s">
        <v>356</v>
      </c>
      <c r="L64" s="89" t="s">
        <v>355</v>
      </c>
    </row>
    <row r="65" spans="1:12" ht="84">
      <c r="A65" s="41"/>
      <c r="B65" s="42" t="s">
        <v>89</v>
      </c>
      <c r="C65" s="128" t="s">
        <v>360</v>
      </c>
      <c r="D65" s="44" t="s">
        <v>91</v>
      </c>
      <c r="E65" s="42" t="s">
        <v>182</v>
      </c>
      <c r="F65" s="91" t="s">
        <v>145</v>
      </c>
      <c r="G65" s="42" t="s">
        <v>183</v>
      </c>
      <c r="H65" s="91" t="s">
        <v>146</v>
      </c>
      <c r="I65" s="42" t="s">
        <v>184</v>
      </c>
      <c r="J65" s="91" t="s">
        <v>147</v>
      </c>
      <c r="K65" s="42" t="s">
        <v>356</v>
      </c>
      <c r="L65" s="91" t="s">
        <v>104</v>
      </c>
    </row>
    <row r="66" spans="1:12">
      <c r="A66" s="45" t="s">
        <v>430</v>
      </c>
      <c r="B66" s="166">
        <v>9321</v>
      </c>
      <c r="C66" s="167">
        <v>3.68</v>
      </c>
      <c r="D66" s="86">
        <v>3.9199999999999999E-2</v>
      </c>
      <c r="E66" s="170">
        <v>0.47899999999999998</v>
      </c>
      <c r="F66" s="94">
        <v>1.034647762536532E-2</v>
      </c>
      <c r="G66" s="170">
        <v>0.156</v>
      </c>
      <c r="H66" s="94">
        <v>7.5180711612020104E-3</v>
      </c>
      <c r="I66" s="170">
        <v>0.33800000000000002</v>
      </c>
      <c r="J66" s="94">
        <v>9.7974885468451196E-3</v>
      </c>
      <c r="K66" s="93">
        <v>2.7E-2</v>
      </c>
      <c r="L66" s="94">
        <v>3.3691804826515991E-3</v>
      </c>
    </row>
    <row r="67" spans="1:12">
      <c r="A67" s="49" t="s">
        <v>431</v>
      </c>
      <c r="B67" s="49">
        <v>8681</v>
      </c>
      <c r="C67" s="169">
        <v>3.67</v>
      </c>
      <c r="D67" s="87">
        <v>3.9199999999999999E-2</v>
      </c>
      <c r="E67" s="171">
        <v>0.47599999999999998</v>
      </c>
      <c r="F67" s="97">
        <v>1.0718022537515422E-2</v>
      </c>
      <c r="G67" s="171">
        <v>0.161</v>
      </c>
      <c r="H67" s="97">
        <v>7.890582556962648E-3</v>
      </c>
      <c r="I67" s="171">
        <v>0.33600000000000002</v>
      </c>
      <c r="J67" s="97">
        <v>1.0137313302674035E-2</v>
      </c>
      <c r="K67" s="96">
        <v>2.5999999999999999E-2</v>
      </c>
      <c r="L67" s="97">
        <v>3.4290847017341246E-3</v>
      </c>
    </row>
    <row r="68" spans="1:12">
      <c r="A68" s="45" t="s">
        <v>432</v>
      </c>
      <c r="B68" s="53">
        <v>835</v>
      </c>
      <c r="C68" s="167">
        <v>3.18</v>
      </c>
      <c r="D68" s="86">
        <v>0.13720000000000002</v>
      </c>
      <c r="E68" s="170">
        <v>0.58130000000000004</v>
      </c>
      <c r="F68" s="94">
        <v>3.4068792791810305E-2</v>
      </c>
      <c r="G68" s="170">
        <v>0.17349999999999999</v>
      </c>
      <c r="H68" s="94">
        <v>2.6239185552017152E-2</v>
      </c>
      <c r="I68" s="170">
        <v>0.22140000000000001</v>
      </c>
      <c r="J68" s="94">
        <v>2.8729171902674194E-2</v>
      </c>
      <c r="K68" s="93">
        <v>2.3900000000000001E-2</v>
      </c>
      <c r="L68" s="94">
        <v>1.1022781537237283E-2</v>
      </c>
    </row>
    <row r="69" spans="1:12">
      <c r="A69" s="49" t="s">
        <v>433</v>
      </c>
      <c r="B69" s="49">
        <v>106</v>
      </c>
      <c r="C69" s="169">
        <v>2.64</v>
      </c>
      <c r="D69" s="87">
        <v>0.29399999999999998</v>
      </c>
      <c r="E69" s="171">
        <v>0.71399999999999997</v>
      </c>
      <c r="F69" s="97">
        <v>8.6859146477627436E-2</v>
      </c>
      <c r="G69" s="171">
        <v>0.111</v>
      </c>
      <c r="H69" s="97">
        <v>6.3097059361551328E-2</v>
      </c>
      <c r="I69" s="171">
        <v>0.15</v>
      </c>
      <c r="J69" s="97">
        <v>7.0387784952172835E-2</v>
      </c>
      <c r="K69" s="96">
        <v>2.5000000000000001E-2</v>
      </c>
      <c r="L69" s="97">
        <v>3.8369374056852305E-2</v>
      </c>
    </row>
    <row r="70" spans="1:12">
      <c r="A70" s="45" t="s">
        <v>434</v>
      </c>
      <c r="B70" s="53">
        <v>2536</v>
      </c>
      <c r="C70" s="167">
        <v>3.77</v>
      </c>
      <c r="D70" s="86">
        <v>7.8399999999999997E-2</v>
      </c>
      <c r="E70" s="170">
        <v>0.45</v>
      </c>
      <c r="F70" s="94">
        <v>1.9742749803119117E-2</v>
      </c>
      <c r="G70" s="170">
        <v>0.17399999999999999</v>
      </c>
      <c r="H70" s="94">
        <v>1.5061995977468339E-2</v>
      </c>
      <c r="I70" s="170">
        <v>0.34599999999999997</v>
      </c>
      <c r="J70" s="94">
        <v>1.8880420940155747E-2</v>
      </c>
      <c r="K70" s="93">
        <v>0.03</v>
      </c>
      <c r="L70" s="94">
        <v>6.849932489856464E-3</v>
      </c>
    </row>
    <row r="71" spans="1:12">
      <c r="A71" s="49" t="s">
        <v>435</v>
      </c>
      <c r="B71" s="49">
        <v>2471</v>
      </c>
      <c r="C71" s="169">
        <v>3.77</v>
      </c>
      <c r="D71" s="87">
        <v>7.8399999999999997E-2</v>
      </c>
      <c r="E71" s="171">
        <v>0.44900000000000001</v>
      </c>
      <c r="F71" s="97">
        <v>1.9996258255194615E-2</v>
      </c>
      <c r="G71" s="171">
        <v>0.17699999999999999</v>
      </c>
      <c r="H71" s="97">
        <v>1.5361394746514536E-2</v>
      </c>
      <c r="I71" s="171">
        <v>0.34300000000000003</v>
      </c>
      <c r="J71" s="97">
        <v>1.908749060564335E-2</v>
      </c>
      <c r="K71" s="96">
        <v>3.1E-2</v>
      </c>
      <c r="L71" s="97">
        <v>7.0495401975861722E-3</v>
      </c>
    </row>
    <row r="72" spans="1:12">
      <c r="A72" s="45" t="s">
        <v>452</v>
      </c>
      <c r="B72" s="53">
        <v>50</v>
      </c>
      <c r="C72" s="167">
        <v>3.25</v>
      </c>
      <c r="D72" s="86">
        <v>0.49</v>
      </c>
      <c r="E72" s="170">
        <v>0.499</v>
      </c>
      <c r="F72" s="94">
        <v>0.13608253014968247</v>
      </c>
      <c r="G72" s="170">
        <v>0.19600000000000001</v>
      </c>
      <c r="H72" s="94">
        <v>0.11246997149296749</v>
      </c>
      <c r="I72" s="170">
        <v>0.22500000000000001</v>
      </c>
      <c r="J72" s="94">
        <v>0.11711461676642455</v>
      </c>
      <c r="K72" s="93">
        <v>0.08</v>
      </c>
      <c r="L72" s="94">
        <v>8.5533373213277891E-2</v>
      </c>
    </row>
    <row r="73" spans="1:12">
      <c r="A73" s="49" t="s">
        <v>172</v>
      </c>
      <c r="B73" s="49">
        <v>237</v>
      </c>
      <c r="C73" s="169">
        <v>3.89</v>
      </c>
      <c r="D73" s="87">
        <v>0.25480000000000003</v>
      </c>
      <c r="E73" s="171">
        <v>0.41</v>
      </c>
      <c r="F73" s="97">
        <v>6.3398449959651798E-2</v>
      </c>
      <c r="G73" s="171">
        <v>0.192</v>
      </c>
      <c r="H73" s="97">
        <v>5.1251374569522425E-2</v>
      </c>
      <c r="I73" s="171">
        <v>0.38600000000000001</v>
      </c>
      <c r="J73" s="97">
        <v>6.2775609395982632E-2</v>
      </c>
      <c r="K73" s="96">
        <v>1.2E-2</v>
      </c>
      <c r="L73" s="97">
        <v>1.8080314938030358E-2</v>
      </c>
    </row>
    <row r="74" spans="1:12" ht="25.5">
      <c r="A74" s="45" t="s">
        <v>436</v>
      </c>
      <c r="B74" s="53">
        <v>97</v>
      </c>
      <c r="C74" s="167">
        <v>3.71</v>
      </c>
      <c r="D74" s="86">
        <v>0.39200000000000002</v>
      </c>
      <c r="E74" s="170">
        <v>0.433</v>
      </c>
      <c r="F74" s="94">
        <v>9.8676293155020064E-2</v>
      </c>
      <c r="G74" s="170">
        <v>0.223</v>
      </c>
      <c r="H74" s="94">
        <v>8.4250498047718017E-2</v>
      </c>
      <c r="I74" s="170">
        <v>0.34300000000000003</v>
      </c>
      <c r="J74" s="94">
        <v>9.487140535344768E-2</v>
      </c>
      <c r="K74" s="93">
        <v>1E-3</v>
      </c>
      <c r="L74" s="94">
        <v>2.8376046215695588E-2</v>
      </c>
    </row>
    <row r="75" spans="1:12" ht="25.5">
      <c r="A75" s="49" t="s">
        <v>437</v>
      </c>
      <c r="B75" s="49">
        <v>113</v>
      </c>
      <c r="C75" s="169">
        <v>4</v>
      </c>
      <c r="D75" s="87">
        <v>0.3528</v>
      </c>
      <c r="E75" s="171">
        <v>0.38800000000000001</v>
      </c>
      <c r="F75" s="97">
        <v>9.0260600429147658E-2</v>
      </c>
      <c r="G75" s="171">
        <v>0.188</v>
      </c>
      <c r="H75" s="97">
        <v>7.377448247197399E-2</v>
      </c>
      <c r="I75" s="171">
        <v>0.39700000000000002</v>
      </c>
      <c r="J75" s="97">
        <v>9.0601787058125133E-2</v>
      </c>
      <c r="K75" s="96">
        <v>2.8000000000000001E-2</v>
      </c>
      <c r="L75" s="97">
        <v>3.7978266050790827E-2</v>
      </c>
    </row>
    <row r="76" spans="1:12">
      <c r="A76" s="45" t="s">
        <v>453</v>
      </c>
      <c r="B76" s="166">
        <v>529</v>
      </c>
      <c r="C76" s="167">
        <v>3.93</v>
      </c>
      <c r="D76" s="86">
        <v>0.1764</v>
      </c>
      <c r="E76" s="170">
        <v>0.42499999999999999</v>
      </c>
      <c r="F76" s="94">
        <v>4.283211354764719E-2</v>
      </c>
      <c r="G76" s="170">
        <v>0.155</v>
      </c>
      <c r="H76" s="94">
        <v>3.1563960262037082E-2</v>
      </c>
      <c r="I76" s="170">
        <v>0.38800000000000001</v>
      </c>
      <c r="J76" s="94">
        <v>4.2230811439364448E-2</v>
      </c>
      <c r="K76" s="93">
        <v>3.1E-2</v>
      </c>
      <c r="L76" s="94">
        <v>1.5815087706168879E-2</v>
      </c>
    </row>
    <row r="77" spans="1:12">
      <c r="A77" s="49" t="s">
        <v>438</v>
      </c>
      <c r="B77" s="168">
        <v>78</v>
      </c>
      <c r="C77" s="169">
        <v>4.12</v>
      </c>
      <c r="D77" s="87">
        <v>0.43119999999999997</v>
      </c>
      <c r="E77" s="171">
        <v>0.40600000000000003</v>
      </c>
      <c r="F77" s="97">
        <v>0.10865138325373518</v>
      </c>
      <c r="G77" s="171">
        <v>0.16</v>
      </c>
      <c r="H77" s="97">
        <v>8.4218929110308843E-2</v>
      </c>
      <c r="I77" s="171">
        <v>0.39900000000000002</v>
      </c>
      <c r="J77" s="97">
        <v>0.10837377638559945</v>
      </c>
      <c r="K77" s="96">
        <v>3.5999999999999997E-2</v>
      </c>
      <c r="L77" s="97">
        <v>5.1889273868954637E-2</v>
      </c>
    </row>
    <row r="78" spans="1:12">
      <c r="A78" s="45" t="s">
        <v>439</v>
      </c>
      <c r="B78" s="83">
        <v>79</v>
      </c>
      <c r="C78" s="167">
        <v>3.97</v>
      </c>
      <c r="D78" s="86">
        <v>0.45080000000000003</v>
      </c>
      <c r="E78" s="170">
        <v>0.47399999999999998</v>
      </c>
      <c r="F78" s="94">
        <v>0.10962973534437515</v>
      </c>
      <c r="G78" s="170">
        <v>0.11899999999999999</v>
      </c>
      <c r="H78" s="94">
        <v>7.5567979129143412E-2</v>
      </c>
      <c r="I78" s="170">
        <v>0.39100000000000001</v>
      </c>
      <c r="J78" s="94">
        <v>0.10737538307791521</v>
      </c>
      <c r="K78" s="93">
        <v>1.6E-2</v>
      </c>
      <c r="L78" s="94">
        <v>4.2669264291516136E-2</v>
      </c>
    </row>
    <row r="79" spans="1:12">
      <c r="A79" s="49" t="s">
        <v>440</v>
      </c>
      <c r="B79" s="168">
        <v>78</v>
      </c>
      <c r="C79" s="169">
        <v>4.4400000000000004</v>
      </c>
      <c r="D79" s="87">
        <v>0.41159999999999997</v>
      </c>
      <c r="E79" s="171">
        <v>0.24199999999999999</v>
      </c>
      <c r="F79" s="97">
        <v>9.6214105082975843E-2</v>
      </c>
      <c r="G79" s="171">
        <v>0.184</v>
      </c>
      <c r="H79" s="97">
        <v>8.8248108619163185E-2</v>
      </c>
      <c r="I79" s="171">
        <v>0.51600000000000001</v>
      </c>
      <c r="J79" s="97">
        <v>0.11038035492598962</v>
      </c>
      <c r="K79" s="96">
        <v>5.8000000000000003E-2</v>
      </c>
      <c r="L79" s="97">
        <v>5.9768262550302952E-2</v>
      </c>
    </row>
    <row r="80" spans="1:12">
      <c r="A80" s="57" t="s">
        <v>441</v>
      </c>
      <c r="B80" s="166">
        <v>73</v>
      </c>
      <c r="C80" s="167">
        <v>4.24</v>
      </c>
      <c r="D80" s="86">
        <v>0.47039999999999998</v>
      </c>
      <c r="E80" s="170">
        <v>0.34100000000000003</v>
      </c>
      <c r="F80" s="94">
        <v>0.10865825710006032</v>
      </c>
      <c r="G80" s="170">
        <v>0.189</v>
      </c>
      <c r="H80" s="94">
        <v>9.2038084653743871E-2</v>
      </c>
      <c r="I80" s="170">
        <v>0.443</v>
      </c>
      <c r="J80" s="94">
        <v>0.11329304392622291</v>
      </c>
      <c r="K80" s="93">
        <v>2.7E-2</v>
      </c>
      <c r="L80" s="94">
        <v>5.0407078623980854E-2</v>
      </c>
    </row>
    <row r="81" spans="1:26" ht="30.75" customHeight="1">
      <c r="A81" s="49" t="s">
        <v>442</v>
      </c>
      <c r="B81" s="168">
        <v>110</v>
      </c>
      <c r="C81" s="169">
        <v>3.46</v>
      </c>
      <c r="D81" s="87">
        <v>0.37240000000000001</v>
      </c>
      <c r="E81" s="171">
        <v>0.55100000000000005</v>
      </c>
      <c r="F81" s="97">
        <v>9.3203855823357218E-2</v>
      </c>
      <c r="G81" s="171">
        <v>0.159</v>
      </c>
      <c r="H81" s="97">
        <v>7.05208469985142E-2</v>
      </c>
      <c r="I81" s="171">
        <v>0.28999999999999998</v>
      </c>
      <c r="J81" s="97">
        <v>8.5622681700114792E-2</v>
      </c>
      <c r="K81" s="96">
        <v>0</v>
      </c>
      <c r="L81" s="97">
        <v>2.4592162949139032E-2</v>
      </c>
    </row>
    <row r="82" spans="1:26">
      <c r="A82" s="57" t="s">
        <v>443</v>
      </c>
      <c r="B82" s="166">
        <v>165</v>
      </c>
      <c r="C82" s="167">
        <v>3.6</v>
      </c>
      <c r="D82" s="86">
        <v>0.29399999999999998</v>
      </c>
      <c r="E82" s="170">
        <v>0.51200000000000001</v>
      </c>
      <c r="F82" s="94">
        <v>7.6901956469537722E-2</v>
      </c>
      <c r="G82" s="170">
        <v>0.13900000000000001</v>
      </c>
      <c r="H82" s="94">
        <v>5.4561194136748155E-2</v>
      </c>
      <c r="I82" s="170">
        <v>0.32</v>
      </c>
      <c r="J82" s="94">
        <v>7.201505056134587E-2</v>
      </c>
      <c r="K82" s="93">
        <v>2.9000000000000001E-2</v>
      </c>
      <c r="L82" s="94">
        <v>3.0200933717909849E-2</v>
      </c>
    </row>
    <row r="83" spans="1:26">
      <c r="A83" s="49" t="s">
        <v>455</v>
      </c>
      <c r="B83" s="168">
        <v>140</v>
      </c>
      <c r="C83" s="169">
        <v>4.1900000000000004</v>
      </c>
      <c r="D83" s="87">
        <v>0.3332</v>
      </c>
      <c r="E83" s="171">
        <v>0.379</v>
      </c>
      <c r="F83" s="97">
        <v>8.0994014151422128E-2</v>
      </c>
      <c r="G83" s="171">
        <v>0.125</v>
      </c>
      <c r="H83" s="97">
        <v>5.7028012866864035E-2</v>
      </c>
      <c r="I83" s="171">
        <v>0.46600000000000003</v>
      </c>
      <c r="J83" s="97">
        <v>8.3151022283906473E-2</v>
      </c>
      <c r="K83" s="96">
        <v>0.03</v>
      </c>
      <c r="L83" s="97">
        <v>3.3830367148859203E-2</v>
      </c>
    </row>
    <row r="84" spans="1:26">
      <c r="A84" s="57" t="s">
        <v>444</v>
      </c>
      <c r="B84" s="166">
        <v>86</v>
      </c>
      <c r="C84" s="167">
        <v>4.3</v>
      </c>
      <c r="D84" s="86">
        <v>0.41159999999999997</v>
      </c>
      <c r="E84" s="170">
        <v>0.36499999999999999</v>
      </c>
      <c r="F84" s="94">
        <v>0.10184061621529551</v>
      </c>
      <c r="G84" s="170">
        <v>0.13600000000000001</v>
      </c>
      <c r="H84" s="94">
        <v>7.5724559858122972E-2</v>
      </c>
      <c r="I84" s="170">
        <v>0.45100000000000001</v>
      </c>
      <c r="J84" s="94">
        <v>0.10494605587976516</v>
      </c>
      <c r="K84" s="93">
        <v>4.8000000000000001E-2</v>
      </c>
      <c r="L84" s="94">
        <v>5.3104840582365594E-2</v>
      </c>
    </row>
    <row r="85" spans="1:26">
      <c r="A85" s="49" t="s">
        <v>454</v>
      </c>
      <c r="B85" s="168">
        <v>250</v>
      </c>
      <c r="C85" s="169">
        <v>3.52</v>
      </c>
      <c r="D85" s="87">
        <v>0.25480000000000003</v>
      </c>
      <c r="E85" s="171">
        <v>0.51800000000000002</v>
      </c>
      <c r="F85" s="97">
        <v>6.2706179525977138E-2</v>
      </c>
      <c r="G85" s="171">
        <v>0.17</v>
      </c>
      <c r="H85" s="97">
        <v>4.7703631319184307E-2</v>
      </c>
      <c r="I85" s="171">
        <v>0.308</v>
      </c>
      <c r="J85" s="97">
        <v>5.8091419748863907E-2</v>
      </c>
      <c r="K85" s="96">
        <v>5.0000000000000001E-3</v>
      </c>
      <c r="L85" s="97">
        <v>1.4103976383020626E-2</v>
      </c>
    </row>
    <row r="86" spans="1:26" ht="25.5">
      <c r="A86" s="57" t="s">
        <v>445</v>
      </c>
      <c r="B86" s="166">
        <v>106</v>
      </c>
      <c r="C86" s="167">
        <v>3.62</v>
      </c>
      <c r="D86" s="86">
        <v>0.39200000000000002</v>
      </c>
      <c r="E86" s="170">
        <v>0.47899999999999998</v>
      </c>
      <c r="F86" s="94">
        <v>9.5268136347655727E-2</v>
      </c>
      <c r="G86" s="170">
        <v>0.216</v>
      </c>
      <c r="H86" s="94">
        <v>7.9795930255554773E-2</v>
      </c>
      <c r="I86" s="170">
        <v>0.29099999999999998</v>
      </c>
      <c r="J86" s="94">
        <v>8.7269288568618042E-2</v>
      </c>
      <c r="K86" s="93">
        <v>1.4E-2</v>
      </c>
      <c r="L86" s="94">
        <v>3.3395462740174048E-2</v>
      </c>
    </row>
    <row r="87" spans="1:26">
      <c r="A87" s="49" t="s">
        <v>471</v>
      </c>
      <c r="B87" s="168">
        <v>90</v>
      </c>
      <c r="C87" s="169">
        <v>3.44</v>
      </c>
      <c r="D87" s="87">
        <v>0.41159999999999997</v>
      </c>
      <c r="E87" s="171">
        <v>0.54700000000000004</v>
      </c>
      <c r="F87" s="97">
        <v>0.10272354968348041</v>
      </c>
      <c r="G87" s="171">
        <v>0.129</v>
      </c>
      <c r="H87" s="97">
        <v>7.2588578581359017E-2</v>
      </c>
      <c r="I87" s="171">
        <v>0.32400000000000001</v>
      </c>
      <c r="J87" s="97">
        <v>9.7108004092053515E-2</v>
      </c>
      <c r="K87" s="96">
        <v>0</v>
      </c>
      <c r="L87" s="97">
        <v>2.976782656907849E-2</v>
      </c>
    </row>
    <row r="88" spans="1:26" ht="36.75" customHeight="1">
      <c r="A88" s="57" t="s">
        <v>442</v>
      </c>
      <c r="B88" s="166">
        <v>110</v>
      </c>
      <c r="C88" s="167">
        <v>3.46</v>
      </c>
      <c r="D88" s="86">
        <v>0.37240000000000001</v>
      </c>
      <c r="E88" s="170">
        <v>0.55100000000000005</v>
      </c>
      <c r="F88" s="94">
        <v>9.3203855823357218E-2</v>
      </c>
      <c r="G88" s="170">
        <v>0.159</v>
      </c>
      <c r="H88" s="94">
        <v>7.05208469985142E-2</v>
      </c>
      <c r="I88" s="170">
        <v>0.28999999999999998</v>
      </c>
      <c r="J88" s="94">
        <v>8.5622681700114792E-2</v>
      </c>
      <c r="K88" s="93">
        <v>0</v>
      </c>
      <c r="L88" s="94">
        <v>2.4592162949139032E-2</v>
      </c>
    </row>
    <row r="90" spans="1:26" ht="18.75">
      <c r="A90" s="320" t="s">
        <v>44</v>
      </c>
      <c r="B90" s="320"/>
      <c r="C90" s="320"/>
      <c r="D90" s="320"/>
      <c r="E90" s="320"/>
      <c r="F90" s="320"/>
      <c r="G90" s="320"/>
      <c r="H90" s="320"/>
      <c r="I90" s="320"/>
      <c r="J90" s="320"/>
      <c r="K90" s="320"/>
      <c r="L90" s="320"/>
      <c r="M90" s="331"/>
    </row>
    <row r="91" spans="1:26" ht="52.5" customHeight="1">
      <c r="A91" s="417" t="s">
        <v>378</v>
      </c>
      <c r="B91" s="417"/>
      <c r="C91" s="417"/>
      <c r="D91" s="417"/>
      <c r="E91" s="417"/>
      <c r="F91" s="417"/>
      <c r="G91" s="417"/>
      <c r="H91" s="417"/>
      <c r="I91" s="417"/>
      <c r="J91" s="417"/>
      <c r="K91" s="417"/>
      <c r="L91" s="417"/>
      <c r="M91" s="331"/>
    </row>
    <row r="92" spans="1:26" ht="42" customHeight="1">
      <c r="A92" s="405" t="s">
        <v>317</v>
      </c>
      <c r="B92" s="406"/>
      <c r="C92" s="406"/>
      <c r="D92" s="406"/>
      <c r="E92" s="406"/>
      <c r="F92" s="406"/>
      <c r="G92" s="406"/>
      <c r="H92" s="406"/>
      <c r="I92" s="406"/>
      <c r="J92" s="406"/>
      <c r="K92" s="406"/>
      <c r="L92" s="406"/>
      <c r="M92" s="258"/>
      <c r="N92" s="258"/>
      <c r="O92" s="258"/>
      <c r="P92" s="258"/>
      <c r="Q92" s="258"/>
      <c r="R92" s="258"/>
      <c r="S92" s="258"/>
      <c r="T92" s="258"/>
      <c r="U92" s="258"/>
      <c r="V92" s="258"/>
      <c r="W92" s="258"/>
    </row>
    <row r="93" spans="1:26" ht="72">
      <c r="A93" s="37" t="s">
        <v>85</v>
      </c>
      <c r="B93" s="38" t="s">
        <v>86</v>
      </c>
      <c r="C93" s="39" t="s">
        <v>87</v>
      </c>
      <c r="D93" s="40" t="s">
        <v>88</v>
      </c>
      <c r="E93" s="38" t="s">
        <v>426</v>
      </c>
      <c r="F93" s="40" t="s">
        <v>427</v>
      </c>
      <c r="G93" s="38" t="s">
        <v>422</v>
      </c>
      <c r="H93" s="40" t="s">
        <v>424</v>
      </c>
      <c r="I93" s="38" t="s">
        <v>428</v>
      </c>
      <c r="J93" s="40" t="s">
        <v>429</v>
      </c>
      <c r="K93" s="38" t="s">
        <v>356</v>
      </c>
      <c r="L93" s="89" t="s">
        <v>370</v>
      </c>
      <c r="P93" s="258"/>
      <c r="Q93" s="258"/>
      <c r="R93" s="258"/>
      <c r="S93" s="258"/>
      <c r="T93" s="258"/>
      <c r="U93" s="258"/>
      <c r="V93" s="258"/>
      <c r="W93" s="258"/>
      <c r="X93" s="258"/>
      <c r="Y93" s="258"/>
      <c r="Z93" s="258"/>
    </row>
    <row r="94" spans="1:26" ht="72">
      <c r="A94" s="41"/>
      <c r="B94" s="42" t="s">
        <v>89</v>
      </c>
      <c r="C94" s="128" t="s">
        <v>358</v>
      </c>
      <c r="D94" s="44" t="s">
        <v>91</v>
      </c>
      <c r="E94" s="42" t="s">
        <v>421</v>
      </c>
      <c r="F94" s="44" t="s">
        <v>104</v>
      </c>
      <c r="G94" s="42" t="s">
        <v>423</v>
      </c>
      <c r="H94" s="44" t="s">
        <v>104</v>
      </c>
      <c r="I94" s="42" t="s">
        <v>182</v>
      </c>
      <c r="J94" s="44" t="s">
        <v>104</v>
      </c>
      <c r="K94" s="42" t="s">
        <v>356</v>
      </c>
      <c r="L94" s="91" t="s">
        <v>104</v>
      </c>
      <c r="P94" s="263"/>
      <c r="Q94" s="263"/>
      <c r="R94" s="263"/>
      <c r="S94" s="263"/>
      <c r="T94" s="263"/>
      <c r="U94" s="263"/>
      <c r="V94" s="263"/>
      <c r="W94" s="258"/>
      <c r="X94" s="258"/>
      <c r="Y94" s="258"/>
      <c r="Z94" s="258"/>
    </row>
    <row r="95" spans="1:26">
      <c r="A95" s="45" t="s">
        <v>430</v>
      </c>
      <c r="B95" s="172">
        <v>10767</v>
      </c>
      <c r="C95" s="167">
        <v>4.12</v>
      </c>
      <c r="D95" s="86">
        <v>3.9199999999999999E-2</v>
      </c>
      <c r="E95" s="175">
        <v>0.16</v>
      </c>
      <c r="F95" s="94">
        <v>7.0670842622171217E-3</v>
      </c>
      <c r="G95" s="174">
        <v>0.41200000000000003</v>
      </c>
      <c r="H95" s="94">
        <v>9.4851544785253435E-3</v>
      </c>
      <c r="I95" s="174">
        <v>0.27700000000000002</v>
      </c>
      <c r="J95" s="94">
        <v>8.6248401091277519E-3</v>
      </c>
      <c r="K95" s="93">
        <v>0.151</v>
      </c>
      <c r="L95" s="94">
        <v>6.9023575547351628E-3</v>
      </c>
    </row>
    <row r="96" spans="1:26">
      <c r="A96" s="49" t="s">
        <v>431</v>
      </c>
      <c r="B96" s="173">
        <v>8855</v>
      </c>
      <c r="C96" s="169">
        <v>4.12</v>
      </c>
      <c r="D96" s="87">
        <v>3.9199999999999999E-2</v>
      </c>
      <c r="E96" s="177">
        <v>0.14699999999999999</v>
      </c>
      <c r="F96" s="97">
        <v>7.5277565493569645E-3</v>
      </c>
      <c r="G96" s="176">
        <v>0.39500000000000002</v>
      </c>
      <c r="H96" s="97">
        <v>1.0387784331419975E-2</v>
      </c>
      <c r="I96" s="176">
        <v>0.26300000000000001</v>
      </c>
      <c r="J96" s="97">
        <v>9.3563415436554651E-3</v>
      </c>
      <c r="K96" s="96">
        <v>0.19500000000000001</v>
      </c>
      <c r="L96" s="97">
        <v>8.4211041658892351E-3</v>
      </c>
    </row>
    <row r="97" spans="1:12">
      <c r="A97" s="45" t="s">
        <v>432</v>
      </c>
      <c r="B97" s="172">
        <v>1801</v>
      </c>
      <c r="C97" s="167">
        <v>3.95</v>
      </c>
      <c r="D97" s="86">
        <v>7.8399999999999997E-2</v>
      </c>
      <c r="E97" s="175">
        <v>0.15820000000000001</v>
      </c>
      <c r="F97" s="94">
        <v>1.7212375894735885E-2</v>
      </c>
      <c r="G97" s="174">
        <v>0.42830000000000001</v>
      </c>
      <c r="H97" s="94">
        <v>2.3295375160059667E-2</v>
      </c>
      <c r="I97" s="174">
        <v>0.33699999999999997</v>
      </c>
      <c r="J97" s="94">
        <v>2.2257551956224617E-2</v>
      </c>
      <c r="K97" s="93">
        <v>7.6499999999999999E-2</v>
      </c>
      <c r="L97" s="94">
        <v>1.2582517196983715E-2</v>
      </c>
    </row>
    <row r="98" spans="1:12">
      <c r="A98" s="49" t="s">
        <v>433</v>
      </c>
      <c r="B98" s="173">
        <v>127</v>
      </c>
      <c r="C98" s="169">
        <v>3.33</v>
      </c>
      <c r="D98" s="87">
        <v>0.25480000000000003</v>
      </c>
      <c r="E98" s="177">
        <v>3.3000000000000002E-2</v>
      </c>
      <c r="F98" s="97">
        <v>3.7078862798724001E-2</v>
      </c>
      <c r="G98" s="176">
        <v>0.33699999999999997</v>
      </c>
      <c r="H98" s="97">
        <v>8.289214234242627E-2</v>
      </c>
      <c r="I98" s="176">
        <v>0.47699999999999998</v>
      </c>
      <c r="J98" s="97">
        <v>8.7283483416496763E-2</v>
      </c>
      <c r="K98" s="96">
        <v>0.153</v>
      </c>
      <c r="L98" s="97">
        <v>6.4638031121360309E-2</v>
      </c>
    </row>
    <row r="99" spans="1:12">
      <c r="A99" s="45" t="s">
        <v>434</v>
      </c>
      <c r="B99" s="172">
        <v>3009</v>
      </c>
      <c r="C99" s="167">
        <v>4.1500000000000004</v>
      </c>
      <c r="D99" s="86">
        <v>5.8799999999999998E-2</v>
      </c>
      <c r="E99" s="175">
        <v>0.17399999999999999</v>
      </c>
      <c r="F99" s="94">
        <v>1.3826769160162837E-2</v>
      </c>
      <c r="G99" s="174">
        <v>0.40400000000000003</v>
      </c>
      <c r="H99" s="94">
        <v>1.7879949767215589E-2</v>
      </c>
      <c r="I99" s="174">
        <v>0.28100000000000003</v>
      </c>
      <c r="J99" s="94">
        <v>1.6382673192832094E-2</v>
      </c>
      <c r="K99" s="93">
        <v>0.14199999999999999</v>
      </c>
      <c r="L99" s="94">
        <v>1.2735720098701123E-2</v>
      </c>
    </row>
    <row r="100" spans="1:12">
      <c r="A100" s="49" t="s">
        <v>435</v>
      </c>
      <c r="B100" s="173">
        <v>2486</v>
      </c>
      <c r="C100" s="169">
        <v>4.1500000000000004</v>
      </c>
      <c r="D100" s="87">
        <v>5.8799999999999998E-2</v>
      </c>
      <c r="E100" s="177">
        <v>0.15</v>
      </c>
      <c r="F100" s="97">
        <v>1.4333562611779095E-2</v>
      </c>
      <c r="G100" s="176">
        <v>0.40100000000000002</v>
      </c>
      <c r="H100" s="97">
        <v>1.96446530065972E-2</v>
      </c>
      <c r="I100" s="176">
        <v>0.252</v>
      </c>
      <c r="J100" s="97">
        <v>1.7410399168009211E-2</v>
      </c>
      <c r="K100" s="96">
        <v>0.19600000000000001</v>
      </c>
      <c r="L100" s="97">
        <v>1.5925563818908049E-2</v>
      </c>
    </row>
    <row r="101" spans="1:12">
      <c r="A101" s="45" t="s">
        <v>452</v>
      </c>
      <c r="B101" s="172">
        <v>87</v>
      </c>
      <c r="C101" s="167">
        <v>4.3499999999999996</v>
      </c>
      <c r="D101" s="86">
        <v>0.3528</v>
      </c>
      <c r="E101" s="175">
        <v>0.26200000000000001</v>
      </c>
      <c r="F101" s="94">
        <v>9.3344746468229392E-2</v>
      </c>
      <c r="G101" s="174">
        <v>0.28499999999999998</v>
      </c>
      <c r="H101" s="94">
        <v>9.5560675938809445E-2</v>
      </c>
      <c r="I101" s="174">
        <v>0.33100000000000002</v>
      </c>
      <c r="J101" s="94">
        <v>9.9204456092176208E-2</v>
      </c>
      <c r="K101" s="93">
        <v>0.122</v>
      </c>
      <c r="L101" s="94">
        <v>7.2445859971145624E-2</v>
      </c>
    </row>
    <row r="102" spans="1:12">
      <c r="A102" s="49" t="s">
        <v>172</v>
      </c>
      <c r="B102" s="173">
        <v>243</v>
      </c>
      <c r="C102" s="169">
        <v>4.12</v>
      </c>
      <c r="D102" s="87">
        <v>0.19600000000000001</v>
      </c>
      <c r="E102" s="177">
        <v>0.121</v>
      </c>
      <c r="F102" s="97">
        <v>4.2392740443203021E-2</v>
      </c>
      <c r="G102" s="176">
        <v>0.45300000000000001</v>
      </c>
      <c r="H102" s="97">
        <v>6.3355812547485374E-2</v>
      </c>
      <c r="I102" s="176">
        <v>0.23</v>
      </c>
      <c r="J102" s="97">
        <v>5.3906804436687709E-2</v>
      </c>
      <c r="K102" s="96">
        <v>0.19600000000000001</v>
      </c>
      <c r="L102" s="97">
        <v>5.0990670589545123E-2</v>
      </c>
    </row>
    <row r="103" spans="1:12" ht="25.5">
      <c r="A103" s="45" t="s">
        <v>436</v>
      </c>
      <c r="B103" s="172">
        <v>96</v>
      </c>
      <c r="C103" s="167">
        <v>4.33</v>
      </c>
      <c r="D103" s="86">
        <v>0.31359999999999999</v>
      </c>
      <c r="E103" s="175">
        <v>0.16200000000000001</v>
      </c>
      <c r="F103" s="94">
        <v>7.6082252753188112E-2</v>
      </c>
      <c r="G103" s="174">
        <v>0.42899999999999999</v>
      </c>
      <c r="H103" s="94">
        <v>9.9066485634648413E-2</v>
      </c>
      <c r="I103" s="174">
        <v>0.17900000000000002</v>
      </c>
      <c r="J103" s="94">
        <v>7.874958143380828E-2</v>
      </c>
      <c r="K103" s="93">
        <v>0.23</v>
      </c>
      <c r="L103" s="94">
        <v>8.5513825782735281E-2</v>
      </c>
    </row>
    <row r="104" spans="1:12" ht="25.5">
      <c r="A104" s="49" t="s">
        <v>437</v>
      </c>
      <c r="B104" s="173">
        <v>115</v>
      </c>
      <c r="C104" s="169">
        <v>3.87</v>
      </c>
      <c r="D104" s="87">
        <v>0.27440000000000003</v>
      </c>
      <c r="E104" s="177">
        <v>5.2999999999999999E-2</v>
      </c>
      <c r="F104" s="97">
        <v>4.6162948829195777E-2</v>
      </c>
      <c r="G104" s="176">
        <v>0.48</v>
      </c>
      <c r="H104" s="97">
        <v>9.1601335502872791E-2</v>
      </c>
      <c r="I104" s="176">
        <v>0.24399999999999999</v>
      </c>
      <c r="J104" s="97">
        <v>7.9662256546838131E-2</v>
      </c>
      <c r="K104" s="96">
        <v>0.224</v>
      </c>
      <c r="L104" s="97">
        <v>7.7537522959085725E-2</v>
      </c>
    </row>
    <row r="105" spans="1:12">
      <c r="A105" s="45" t="s">
        <v>453</v>
      </c>
      <c r="B105" s="172">
        <v>542</v>
      </c>
      <c r="C105" s="167">
        <v>4.37</v>
      </c>
      <c r="D105" s="86">
        <v>0.13720000000000002</v>
      </c>
      <c r="E105" s="175">
        <v>0.193</v>
      </c>
      <c r="F105" s="94">
        <v>3.3928051362011408E-2</v>
      </c>
      <c r="G105" s="174">
        <v>0.432</v>
      </c>
      <c r="H105" s="94">
        <v>4.2404255673489877E-2</v>
      </c>
      <c r="I105" s="174">
        <v>0.20799999999999999</v>
      </c>
      <c r="J105" s="94">
        <v>3.4870846291244158E-2</v>
      </c>
      <c r="K105" s="93">
        <v>0.16800000000000001</v>
      </c>
      <c r="L105" s="94">
        <v>3.2183663398280944E-2</v>
      </c>
    </row>
    <row r="106" spans="1:12">
      <c r="A106" s="49" t="s">
        <v>438</v>
      </c>
      <c r="B106" s="173">
        <v>81</v>
      </c>
      <c r="C106" s="169">
        <v>4.0199999999999996</v>
      </c>
      <c r="D106" s="87">
        <v>0.37240000000000001</v>
      </c>
      <c r="E106" s="177">
        <v>0.14399999999999999</v>
      </c>
      <c r="F106" s="97">
        <v>7.9679190014659562E-2</v>
      </c>
      <c r="G106" s="176">
        <v>0.435</v>
      </c>
      <c r="H106" s="97">
        <v>0.10762971176430669</v>
      </c>
      <c r="I106" s="176">
        <v>0.31299999999999994</v>
      </c>
      <c r="J106" s="97">
        <v>0.1013426940980889</v>
      </c>
      <c r="K106" s="96">
        <v>0.108</v>
      </c>
      <c r="L106" s="97">
        <v>7.2097385165412226E-2</v>
      </c>
    </row>
    <row r="107" spans="1:12">
      <c r="A107" s="45" t="s">
        <v>439</v>
      </c>
      <c r="B107" s="172">
        <v>80</v>
      </c>
      <c r="C107" s="167">
        <v>4.04</v>
      </c>
      <c r="D107" s="86">
        <v>0.3528</v>
      </c>
      <c r="E107" s="175">
        <v>0.16200000000000001</v>
      </c>
      <c r="F107" s="94">
        <v>8.3488614639544767E-2</v>
      </c>
      <c r="G107" s="174">
        <v>0.434</v>
      </c>
      <c r="H107" s="94">
        <v>0.10824332808908708</v>
      </c>
      <c r="I107" s="174">
        <v>0.317</v>
      </c>
      <c r="J107" s="94">
        <v>0.10226587425872266</v>
      </c>
      <c r="K107" s="93">
        <v>8.7999999999999995E-2</v>
      </c>
      <c r="L107" s="94">
        <v>6.7625434848920279E-2</v>
      </c>
    </row>
    <row r="108" spans="1:12">
      <c r="A108" s="49" t="s">
        <v>440</v>
      </c>
      <c r="B108" s="173">
        <v>79</v>
      </c>
      <c r="C108" s="169">
        <v>4.32</v>
      </c>
      <c r="D108" s="87">
        <v>0.29399999999999998</v>
      </c>
      <c r="E108" s="177">
        <v>0.16500000000000001</v>
      </c>
      <c r="F108" s="97">
        <v>8.45487583176633E-2</v>
      </c>
      <c r="G108" s="176">
        <v>0.42499999999999999</v>
      </c>
      <c r="H108" s="97">
        <v>0.10863980596210389</v>
      </c>
      <c r="I108" s="176">
        <v>0.222</v>
      </c>
      <c r="J108" s="97">
        <v>9.3134328384010798E-2</v>
      </c>
      <c r="K108" s="96">
        <v>0.188</v>
      </c>
      <c r="L108" s="97">
        <v>8.8307368076136997E-2</v>
      </c>
    </row>
    <row r="109" spans="1:12">
      <c r="A109" s="57" t="s">
        <v>441</v>
      </c>
      <c r="B109" s="172">
        <v>75</v>
      </c>
      <c r="C109" s="167">
        <v>4.74</v>
      </c>
      <c r="D109" s="86">
        <v>0.39200000000000002</v>
      </c>
      <c r="E109" s="175">
        <v>0.28999999999999998</v>
      </c>
      <c r="F109" s="94">
        <v>0.10317804790077319</v>
      </c>
      <c r="G109" s="174">
        <v>0.30399999999999999</v>
      </c>
      <c r="H109" s="94">
        <v>0.10442749069821561</v>
      </c>
      <c r="I109" s="174">
        <v>0.129</v>
      </c>
      <c r="J109" s="94">
        <v>7.9855711659718595E-2</v>
      </c>
      <c r="K109" s="93">
        <v>0.27800000000000002</v>
      </c>
      <c r="L109" s="94">
        <v>0.10202517332144292</v>
      </c>
    </row>
    <row r="110" spans="1:12">
      <c r="A110" s="49" t="s">
        <v>442</v>
      </c>
      <c r="B110" s="173">
        <v>111</v>
      </c>
      <c r="C110" s="169">
        <v>4.2699999999999996</v>
      </c>
      <c r="D110" s="87">
        <v>0.29399999999999998</v>
      </c>
      <c r="E110" s="177">
        <v>0.11700000000000001</v>
      </c>
      <c r="F110" s="97">
        <v>6.278686748328513E-2</v>
      </c>
      <c r="G110" s="176">
        <v>0.53800000000000003</v>
      </c>
      <c r="H110" s="97">
        <v>9.2999243602269313E-2</v>
      </c>
      <c r="I110" s="176">
        <v>0.20300000000000001</v>
      </c>
      <c r="J110" s="97">
        <v>7.6401812038167927E-2</v>
      </c>
      <c r="K110" s="96">
        <v>0.14299999999999999</v>
      </c>
      <c r="L110" s="97">
        <v>6.7569693691386476E-2</v>
      </c>
    </row>
    <row r="111" spans="1:12">
      <c r="A111" s="57" t="s">
        <v>443</v>
      </c>
      <c r="B111" s="172">
        <v>170</v>
      </c>
      <c r="C111" s="167">
        <v>4.5</v>
      </c>
      <c r="D111" s="86">
        <v>0.21559999999999999</v>
      </c>
      <c r="E111" s="175">
        <v>0.20300000000000001</v>
      </c>
      <c r="F111" s="94">
        <v>6.1737294802294167E-2</v>
      </c>
      <c r="G111" s="174">
        <v>0.44800000000000001</v>
      </c>
      <c r="H111" s="94">
        <v>7.5417442546705446E-2</v>
      </c>
      <c r="I111" s="174">
        <v>0.17299999999999999</v>
      </c>
      <c r="J111" s="94">
        <v>5.8315583561099595E-2</v>
      </c>
      <c r="K111" s="93">
        <v>0.17499999999999999</v>
      </c>
      <c r="L111" s="94">
        <v>5.8560412277894137E-2</v>
      </c>
    </row>
    <row r="112" spans="1:12">
      <c r="A112" s="49" t="s">
        <v>455</v>
      </c>
      <c r="B112" s="173">
        <v>150</v>
      </c>
      <c r="C112" s="169">
        <v>3.96</v>
      </c>
      <c r="D112" s="87">
        <v>0.23519999999999999</v>
      </c>
      <c r="E112" s="177">
        <v>9.7000000000000003E-2</v>
      </c>
      <c r="F112" s="97">
        <v>4.9913759894720945E-2</v>
      </c>
      <c r="G112" s="176">
        <v>0.39100000000000001</v>
      </c>
      <c r="H112" s="97">
        <v>7.8744726360339745E-2</v>
      </c>
      <c r="I112" s="176">
        <v>0.30099999999999999</v>
      </c>
      <c r="J112" s="97">
        <v>7.428087761294401E-2</v>
      </c>
      <c r="K112" s="96">
        <v>0.21099999999999999</v>
      </c>
      <c r="L112" s="97">
        <v>6.659850741317018E-2</v>
      </c>
    </row>
    <row r="113" spans="1:23">
      <c r="A113" s="57" t="s">
        <v>444</v>
      </c>
      <c r="B113" s="172">
        <v>89</v>
      </c>
      <c r="C113" s="167">
        <v>3.96</v>
      </c>
      <c r="D113" s="86">
        <v>0.27440000000000003</v>
      </c>
      <c r="E113" s="175">
        <v>6.4000000000000001E-2</v>
      </c>
      <c r="F113" s="94">
        <v>5.7137706049279917E-2</v>
      </c>
      <c r="G113" s="174">
        <v>0.41200000000000003</v>
      </c>
      <c r="H113" s="94">
        <v>0.10221373868046042</v>
      </c>
      <c r="I113" s="174">
        <v>0.28900000000000003</v>
      </c>
      <c r="J113" s="94">
        <v>9.4862980516894124E-2</v>
      </c>
      <c r="K113" s="93">
        <v>0.23599999999999999</v>
      </c>
      <c r="L113" s="94">
        <v>8.9483685658297424E-2</v>
      </c>
    </row>
    <row r="114" spans="1:23">
      <c r="A114" s="49" t="s">
        <v>454</v>
      </c>
      <c r="B114" s="173">
        <v>254</v>
      </c>
      <c r="C114" s="169">
        <v>3.84</v>
      </c>
      <c r="D114" s="87">
        <v>0.19600000000000001</v>
      </c>
      <c r="E114" s="177">
        <v>7.6999999999999999E-2</v>
      </c>
      <c r="F114" s="97">
        <v>3.4456168505776874E-2</v>
      </c>
      <c r="G114" s="176">
        <v>0.40800000000000003</v>
      </c>
      <c r="H114" s="97">
        <v>6.1227294810046413E-2</v>
      </c>
      <c r="I114" s="176">
        <v>0.309</v>
      </c>
      <c r="J114" s="97">
        <v>5.7686861838276995E-2</v>
      </c>
      <c r="K114" s="96">
        <v>0.20699999999999999</v>
      </c>
      <c r="L114" s="97">
        <v>5.0852019535238872E-2</v>
      </c>
    </row>
    <row r="115" spans="1:23" ht="25.5">
      <c r="A115" s="57" t="s">
        <v>445</v>
      </c>
      <c r="B115" s="172">
        <v>110</v>
      </c>
      <c r="C115" s="167">
        <v>3.83</v>
      </c>
      <c r="D115" s="86">
        <v>0.29399999999999998</v>
      </c>
      <c r="E115" s="175">
        <v>2.4E-2</v>
      </c>
      <c r="F115" s="94">
        <v>3.7013568671772017E-2</v>
      </c>
      <c r="G115" s="174">
        <v>0.497</v>
      </c>
      <c r="H115" s="94">
        <v>9.365701152059544E-2</v>
      </c>
      <c r="I115" s="174">
        <v>0.32</v>
      </c>
      <c r="J115" s="94">
        <v>8.7826342811903824E-2</v>
      </c>
      <c r="K115" s="93">
        <v>0.159</v>
      </c>
      <c r="L115" s="94">
        <v>7.05208469985142E-2</v>
      </c>
    </row>
    <row r="116" spans="1:23">
      <c r="A116" s="49" t="s">
        <v>471</v>
      </c>
      <c r="B116" s="173">
        <v>90</v>
      </c>
      <c r="C116" s="169">
        <v>3.64</v>
      </c>
      <c r="D116" s="87">
        <v>0.3332</v>
      </c>
      <c r="E116" s="177">
        <v>0.11899999999999999</v>
      </c>
      <c r="F116" s="97">
        <v>7.0539041213369388E-2</v>
      </c>
      <c r="G116" s="176">
        <v>0.29200000000000004</v>
      </c>
      <c r="H116" s="97">
        <v>9.4607745898137169E-2</v>
      </c>
      <c r="I116" s="176">
        <v>0.33700000000000002</v>
      </c>
      <c r="J116" s="97">
        <v>9.7989161587400855E-2</v>
      </c>
      <c r="K116" s="96">
        <v>0.252</v>
      </c>
      <c r="L116" s="97">
        <v>9.0769526503236747E-2</v>
      </c>
    </row>
    <row r="117" spans="1:23">
      <c r="A117" s="57" t="s">
        <v>442</v>
      </c>
      <c r="B117" s="172">
        <v>111</v>
      </c>
      <c r="C117" s="167">
        <v>4.2699999999999996</v>
      </c>
      <c r="D117" s="86">
        <v>0.29399999999999998</v>
      </c>
      <c r="E117" s="175">
        <v>0.11700000000000001</v>
      </c>
      <c r="F117" s="94">
        <v>6.278686748328513E-2</v>
      </c>
      <c r="G117" s="174">
        <v>0.53800000000000003</v>
      </c>
      <c r="H117" s="94">
        <v>9.2999243602269313E-2</v>
      </c>
      <c r="I117" s="174">
        <v>0.20300000000000001</v>
      </c>
      <c r="J117" s="94">
        <v>7.6401812038167927E-2</v>
      </c>
      <c r="K117" s="93">
        <v>0.14299999999999999</v>
      </c>
      <c r="L117" s="94">
        <v>6.7569693691386476E-2</v>
      </c>
    </row>
    <row r="118" spans="1:23">
      <c r="I118" s="258"/>
      <c r="J118" s="258"/>
      <c r="K118" s="258"/>
      <c r="L118" s="258"/>
      <c r="M118" s="258"/>
      <c r="N118" s="258"/>
      <c r="O118" s="258"/>
      <c r="P118" s="258"/>
      <c r="Q118" s="258"/>
      <c r="R118" s="258"/>
      <c r="S118" s="258"/>
      <c r="T118" s="258"/>
      <c r="U118" s="258"/>
      <c r="V118" s="258"/>
      <c r="W118" s="258"/>
    </row>
  </sheetData>
  <mergeCells count="9">
    <mergeCell ref="A92:L92"/>
    <mergeCell ref="A62:L62"/>
    <mergeCell ref="A91:L91"/>
    <mergeCell ref="A3:D3"/>
    <mergeCell ref="A4:D4"/>
    <mergeCell ref="A5:D5"/>
    <mergeCell ref="A33:S33"/>
    <mergeCell ref="A32:S32"/>
    <mergeCell ref="A63:L63"/>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1T23:59:37Z</dcterms:modified>
</cp:coreProperties>
</file>